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10\"/>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843" uniqueCount="555">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06/03/2021</t>
  </si>
  <si>
    <t>07:00:00:00</t>
  </si>
  <si>
    <t>Les merveilles cachées de l'hiver : La frontière de glace de l’Amérique</t>
  </si>
  <si>
    <t>Winter's Hidden Wonders</t>
  </si>
  <si>
    <t>America's Frozen Frontier</t>
  </si>
  <si>
    <t>00:45</t>
  </si>
  <si>
    <t>Netherlands</t>
  </si>
  <si>
    <t>Sur le continent américain, les rigueurs de l’hiver mettent les animaux à rude épreuve. Seuls les plus coriaces et les plus ingénieux d’entre eux réussiront à survivre.</t>
  </si>
  <si>
    <t>07:45:00:00</t>
  </si>
  <si>
    <t>Les merveilles cachées de l'hiver : Les contrées glacées d’Asie</t>
  </si>
  <si>
    <t>Asia's Frozen Wilderness</t>
  </si>
  <si>
    <t>Sur le continent asiatique, les rigueurs de l’hiver mettent les espèces sauvages à rude épreuve. Seuls les animaux les plus résistants et les plus ingénieux survivent jusqu’à l’arrivée du printemps.</t>
  </si>
  <si>
    <t>08:40:00:00</t>
  </si>
  <si>
    <t>Snakes In The City : La pagaille du mamba</t>
  </si>
  <si>
    <t>Snakes In The City</t>
  </si>
  <si>
    <t>Mamba Mayhem</t>
  </si>
  <si>
    <t>United States</t>
  </si>
  <si>
    <t>Dans cet épisode, Simon et Sioux tentent de capturer un mamba noir roi de l’évasion, de maîtriser un python fou furieux et d’attraper un tueur de chats.</t>
  </si>
  <si>
    <t>09:30:00:00</t>
  </si>
  <si>
    <t>Snakes In The City : L’été des mambas noirs</t>
  </si>
  <si>
    <t>Black Mamba Summer</t>
  </si>
  <si>
    <t>Tandis qu’un mamba rapide comme l’éclair ne laisse pas une minute de répit à Simon, un serpent non identifié sème la terreur au sein d’une école. De son côté, Siouxsie s’occupe de l’espèce la plus mortelle qui soit.</t>
  </si>
  <si>
    <t>10:20:00:00</t>
  </si>
  <si>
    <t>P0898302</t>
  </si>
  <si>
    <t>Snakes In The City : Un serpent dans le frigo</t>
  </si>
  <si>
    <t>There's A Snake In The Fridge!</t>
  </si>
  <si>
    <t>À Durban, la saison des mambas bat son plein : ces serpents très dangereux se cachent dans les moindres recoins. Dans cet épisode, Simon risque sa vie pour sauver des mambas perchés dans des arbres, dans des boîtes et même dans un réfrigérateur ! Mais ses ennuis ne s’arrêtent pas là… surtout lorsqu’il réalise que la petite pièce sombre dans laquelle il se trouve abrite non pas un, mais deux cobras très venimeux.</t>
  </si>
  <si>
    <t>11:10:00:00</t>
  </si>
  <si>
    <t>N0014988</t>
  </si>
  <si>
    <t>Mon ami Casey : À la recherche du puma</t>
  </si>
  <si>
    <t>Expedition Wild</t>
  </si>
  <si>
    <t>Stalking The Mountain Lion</t>
  </si>
  <si>
    <t>00:50</t>
  </si>
  <si>
    <t xml:space="preserve">Dans cet épisode, Casey Anderson se lance à la recherche d'une femelle puma. Elle a été repérée avec ses trois petits dans une grotte du parc naturel de Yellowstone. Avec l'aide d'un ami expert en félins, Tyler Johnerson, et grâce à un système de caméras cachées, Casey va traquer cet animal mystérieux aussi surnommé " fantôme des Rocheuses ". Ils espèrent obtenir les premières images d'un puma en liberté dans le parc de Yellowstone. Accompagnés des deux fidèles lévriers de Tyler, nos aventuriers suivent les traces du dangereux prédateur, jusqu'à se retrouver très près, voire trop près, d'un puma capable de se déplacer de 6 mètres... en un seul bond !  </t>
  </si>
  <si>
    <t>12:00:00:00</t>
  </si>
  <si>
    <t>N0014989</t>
  </si>
  <si>
    <t>Mon ami Casey : Le roi glouton</t>
  </si>
  <si>
    <t>Wolverine King</t>
  </si>
  <si>
    <t xml:space="preserve">Le glouton semble être un animal à la limite du réel, certains le qualifient de monstre, et pourtant, pour Casey, le glouton est le symbole même du Grand Nord. Casey se lance un défi qui semble relever de la "mission impossible" : il veut filmer cet animal tellement discret et mystérieux qu'on en viendrait presque à se demander s'il ne s'agit pas tout simplement d'une légende ! Bien qu'il soit le carnivore le moins compris d'Amérique du Nord, le glouton existe bel et bien. Casey en a d'ailleurs la preuve lorsqu'il rencontre le glouton plus ou moins apprivoisé de Tim. Ce dernier a des techniques de dressage bien à lui et parle à son glouton avec une voix très aigue, n'hésite pas à mettre ses mains dans la gueule de l'animal et l'embrasse sur le museau. Casey veut cependant des images de glouton à l'état sauvage, et lorsqu'il découvre l'intelligence, et la personnalité joueuse de l'animal mais aussi sa férocité, Casey commence à comprendre que la réalité du glouton pourrait bien dépasser la légende ! </t>
  </si>
  <si>
    <t>12:50:00:00</t>
  </si>
  <si>
    <t>N0015118</t>
  </si>
  <si>
    <t>Mon ami Casey : Safari dans le Grand Canyon</t>
  </si>
  <si>
    <t>Grand Canyon Safari</t>
  </si>
  <si>
    <t>Casey Anderson s'aventure dans le légendaire Grand Canyon, vers une aventure aux proportions épiques. Son périple va le mener à la rencontre du Condor californien ou encore du crotale du Grand Canyon. Les paysages sont à couper le souffle et d'une diversité telle qu'en une seule journée de marche, Casey passe de la neige à un climat chaud et désertique. La faune du Grand Canyon aussi est diverse et unique et Casey nous fait découvrir une espèce de ratons laveurs propre à la région, et part sur les traces d'un monstre préhistorique, aujourd'hui éteint mais dont les empreintes sont encore bien réelles. Cette aventure dans le Grand Canyon sera l'occasion de suivre la réintroduction des loups gris du Mexique dans la région ou encore de faire du kayak sur le Colorado.</t>
  </si>
  <si>
    <t>13:40:00:00</t>
  </si>
  <si>
    <t>N0021348</t>
  </si>
  <si>
    <t>Mon ami Casey : Attention loup méchant</t>
  </si>
  <si>
    <t>Monster Wolf</t>
  </si>
  <si>
    <t>Casey parcourt la côte ouest du Canada à la recherche d'indices qui pourraient expliquer le comportement agressif des loups sur l'île de Vancouver. Son voyage commence au pittoresque village de Tofino, perché au bord de l'Océan Pacifique, où des loups chassent et tuent les animaux de compagnie, et montrent de l'agressivité envers les humains. Ces loups ne sont pas ordinaires, et Casey veut découvrir s'ils sont bien de véritables loups.</t>
  </si>
  <si>
    <t>14:30:00:00</t>
  </si>
  <si>
    <t>P0853500</t>
  </si>
  <si>
    <t>Les espaces sauvages d'Amérique : Les mystères des Appalaches</t>
  </si>
  <si>
    <t>America's Wild Spaces</t>
  </si>
  <si>
    <t>Secret Appalachia</t>
  </si>
  <si>
    <t>00:22</t>
  </si>
  <si>
    <t>Comment le sentier des Appalaches peut-il être préservé alors qu’une grande partie passe à proximité d’importants centres de population ? Du nord au sud, nous explorerons ses recoins les plus reculés et ferons la rencontre des scientifiques qui luttent pour sa protection. Rejoignez National Geographic pour une aventure faite d’ascensions vertigineuses et de panoramas époustouflants, offerts par des montagnes formées au cours de 480 millions d’années. À travers ce périple de cinq millions de pas, nous parcourrons les cinq régions qui composent le paysage du sentier des Appalaches et découvrirons pourquoi la préservation de ce ruban de verdure est si importante.</t>
  </si>
  <si>
    <t>14:50:00:00</t>
  </si>
  <si>
    <t>P0808338</t>
  </si>
  <si>
    <t>SOS Cesar : Briseurs de ménage</t>
  </si>
  <si>
    <t>Cesar 911 Compilations</t>
  </si>
  <si>
    <t>Homewreckers</t>
  </si>
  <si>
    <t>00:44</t>
  </si>
  <si>
    <t>Une famille appelle à la rescousse Cesar Millan pour s’attaquer aux problèmes canins qui menacent l’harmonie familiale. Qu’il s’agisse de Savannah, un berger allemand s’opposant farouchement aux visites des membres de la famille, ou de Target le chihuahua croisé qui sème le chaos dans la vie de Grand-Mère, Cesar vient rétablir l’ordre d’une main ferme et au moyen de conseils avisés. Cet épisode revient sur certains des problèmes canins les plus mémorables brisant parfois le bonheur familial.</t>
  </si>
  <si>
    <t>15:45:00:00</t>
  </si>
  <si>
    <t>P0808339</t>
  </si>
  <si>
    <t>SOS Cesar : Mauvais pour les affaires</t>
  </si>
  <si>
    <t>Bad For Business</t>
  </si>
  <si>
    <t>Se créer un environnement de travail paisible au milieu de nombreux collègues n’est pas une mince affaire. Lâchez-y une bande de chiens chahuteurs et c’est mission impossible ! Cesar Millan fera appel à son expertise et à ses secrets pour canaliser les chiens qui terrorisent les employeurs et leurs salariés. Le monde des affaires sera à l’honneur dans cet épisode best-of de Cesar to the Rescue.</t>
  </si>
  <si>
    <t>16:25:00:00</t>
  </si>
  <si>
    <t>N0018760</t>
  </si>
  <si>
    <t>La vraie histoire de Cesar Millan</t>
  </si>
  <si>
    <t>Cesar Millan: The Real Story</t>
  </si>
  <si>
    <t>Cesar Millian: The Real Story</t>
  </si>
  <si>
    <t>00:55</t>
  </si>
  <si>
    <t>Ce programme retrace l'incroyable histoire de Cesar Millán. De son enfance au Mexique jusqu'à son succès international, en passant par son immigration illégale vers les Etats-Unis, vous découvrirez le sympathique dresseur de chiens comme vous ne l'avez jamais vu. Cesar a toujours su tirer quelque chose de positif dans les bons comme dans les mauvais moments, et ce grâce à son lien particulier avec le meilleur ami de l'homme. Son histoire est celle d'un homme déterminé qui a réussi à séduire le public, comme en témoignent les hordes de fans qui le suivent aujourd'hui  partout à travers le monde. Accompagnez Cesar et sa bande dans une tournée spéciale, de la Finlande à Singapour !</t>
  </si>
  <si>
    <t>17:20:00:00</t>
  </si>
  <si>
    <t>L'incroyable Dr Pol : Vétos de garde</t>
  </si>
  <si>
    <t>The Incredible Dr. Pol 10</t>
  </si>
  <si>
    <t>You Bruise, You Lose</t>
  </si>
  <si>
    <t>Les intempéries hivernales ne suffisent pas à décourager nos vétérinaires dévoués. Qu’il s’agisse d’infections oculaires, de surdoses accidentelles ou de réactions cutanées, nos amis des bêtes répondent à l’appel.</t>
  </si>
  <si>
    <t>18:10:00:00</t>
  </si>
  <si>
    <t>L'incroyable Dr Pol : Joyeux Noël !</t>
  </si>
  <si>
    <t>Feliz Navidog</t>
  </si>
  <si>
    <t>En dépit d’une semaine chargée, l’approche de Noël met du baume au cœur des vétérinaires. Pour l’occasion, les couloirs de la clinique se sont parés de leurs plus belles guirlandes.</t>
  </si>
  <si>
    <t>19:00:00:00</t>
  </si>
  <si>
    <t>P0846174</t>
  </si>
  <si>
    <t>L'incroyable Dr Pol : Accident de renne</t>
  </si>
  <si>
    <t>The Incredible Dr. Pol</t>
  </si>
  <si>
    <t>Doc Got Run Over By A Reindeer</t>
  </si>
  <si>
    <t>À l’arrivée de l’automne dans le Michigan, les feuilles se parent de couleurs et les vétérinaires de la clinique sont toujours pris dans la même routine effrénée. Dr Pol est sur le qui-vive suite à une urgence tardive impliquant un bébé renne. Pendant ce temps, Dr Emily se précipite auprès de Bella le bouledogue qui paraît s’étouffer. C’est Noël avant l’heure pour Dr Brenda qui doit s’occuper d’un troupeau de rennes de père Noël !</t>
  </si>
  <si>
    <t>19:50:00:00</t>
  </si>
  <si>
    <t>P0847666</t>
  </si>
  <si>
    <t>L'incroyable Dr Pol : De nouveaux chats dans le quartier</t>
  </si>
  <si>
    <t>New Cats On The Block</t>
  </si>
  <si>
    <t>Cette semaine à la clinique, les animaux appellent à la rescousse et Dr Pol vient les rassembler. Les vétérinaires en voient de toutes les couleurs : des chiots empoisonnés, des chats turbulents ainsi que la visite d’un vieil ami qui a besoin d’aide. Tater part pour une aventure en solitaire.</t>
  </si>
  <si>
    <t>20:45:00:00</t>
  </si>
  <si>
    <t>P0902491</t>
  </si>
  <si>
    <t>Au cœur du zoo : Salle d’opération</t>
  </si>
  <si>
    <t>Secrets of The Zoo Compilations</t>
  </si>
  <si>
    <t>Strays Anatomy</t>
  </si>
  <si>
    <t>Du bloc opératoire au parc des Wilds, les équipes vétérinaires du zoo de Columbus se préparent à l’opération d’un kangourou ainsi qu’à l’examen annuel d’un gorille, entre autres péripéties.</t>
  </si>
  <si>
    <t>21:40:00:00</t>
  </si>
  <si>
    <t>P0752852</t>
  </si>
  <si>
    <t>Drôles d’amis : Meilleurs amis célèbres</t>
  </si>
  <si>
    <t>Unlikely Animal Friends Compilations</t>
  </si>
  <si>
    <t>Famous Friends Forever</t>
  </si>
  <si>
    <t xml:space="preserve">Lorsque des amitiés animales étonnantes sont capturées en vidéo, ces histoires incroyables deviennent virales. Partez à la rencontre d'une chèvre et d'un âne qui partagent un lien indestructible, d'un garçon et de son sauveur, et d'un couple avec un invité inhabituel. Tous ont connu la célébrité grâce à leurs compagnons hors du commun.
</t>
  </si>
  <si>
    <t>22:30:00:00</t>
  </si>
  <si>
    <t>P0879662</t>
  </si>
  <si>
    <t>Au cœur du zoo : Bienvenue dans la famille</t>
  </si>
  <si>
    <t>Secrets of The Zoo</t>
  </si>
  <si>
    <t>Welcome To The Family</t>
  </si>
  <si>
    <t>00:43</t>
  </si>
  <si>
    <t>L’équipe du zoo de Columbus contient difficilement son enthousiasme à l’arrivée d’un bébé gorille orphelin venu d’un jardin zoologique voisin. Annyung, résidente de longue date et flamant rose préféré de l’établissement, a perdu sa voix, un mystère que les soigneurs vont tenter de percer. Dans la réserve naturelle des Wilds, le personnel est sur le qui-vive, attendant impatiemment la naissance du petit de Lulu la girafe.</t>
  </si>
  <si>
    <t>23:15:00:00</t>
  </si>
  <si>
    <t>P0891606</t>
  </si>
  <si>
    <t>Au cœur du zoo : Famille nombreuse, famille heureuse</t>
  </si>
  <si>
    <t>One Big, Happy Family</t>
  </si>
  <si>
    <t>Le personnel du zoo de Columbus voue un amour sans borne aux animaux sous sa protection. Lorsqu’un serpent développe une grosseur inquiétante et qu’un flamant rose nécessite une cure thermale, les soigneurs ne reculent devant rien pour les sauver.</t>
  </si>
  <si>
    <t>23:55:00:00</t>
  </si>
  <si>
    <t>24:40:00:00</t>
  </si>
  <si>
    <t>25:20:00:00</t>
  </si>
  <si>
    <t>Les merveilles cachées de l'hiver : Les contrées glacées d’Europe</t>
  </si>
  <si>
    <t>Europe's Ice World</t>
  </si>
  <si>
    <t>En Europe, les températures hivernales peuvent descendre jusqu’à -40 °C, exposant les espèces sauvages à des conditions extrêmes. Sur le continent, les animaux n’ont d’autre choix que de s’adapter, au risque d’y laisser la peau.</t>
  </si>
  <si>
    <t>26:05:00:00</t>
  </si>
  <si>
    <t>P0876478</t>
  </si>
  <si>
    <t>Destination Wild : Alaska, l'été arctique</t>
  </si>
  <si>
    <t>Wild Alaska: Arctic Summer</t>
  </si>
  <si>
    <t>Les côtes sauvages de l’Alaska, plus grand État des États-Unis, accueillent la plus riche biodiversité d’Amérique. Découvrez l’histoire de ces fascinantes créatures qui survivent au cœur de cet environnement hostile.</t>
  </si>
  <si>
    <t>26:50:00:00</t>
  </si>
  <si>
    <t>P0893605</t>
  </si>
  <si>
    <t>Michelle ou la vie sauvage : Grand Nord - Le renne voit rouge</t>
  </si>
  <si>
    <t>Yukon Vet: Northern Lites</t>
  </si>
  <si>
    <t>Rudolph The Red-Eyed Reindeer</t>
  </si>
  <si>
    <t>00:25</t>
  </si>
  <si>
    <t>Rudolph le renne a besoin de l’aide de notre vétérinaire pour retrouver sa forme olympique avant Noël. Snickers le porc-épic doit passer un examen médical, tandis qu’un chien aux symptômes suspects pousse Michelle à enfiler son chapeau de détective pour mener l’enquête.</t>
  </si>
  <si>
    <t>27:20:00:00</t>
  </si>
  <si>
    <t>27:55:00:00</t>
  </si>
  <si>
    <t>28:40:00:00</t>
  </si>
  <si>
    <t>29:25:00:00</t>
  </si>
  <si>
    <t>07/03/2021</t>
  </si>
  <si>
    <t>P0811775</t>
  </si>
  <si>
    <t>Michelle ou la vie sauvage : Jour de la bosse</t>
  </si>
  <si>
    <t>Dr. Oakley: Yukon Vet</t>
  </si>
  <si>
    <t>Hump Day</t>
  </si>
  <si>
    <t>Face à des sangliers grognons, le Dr Oakley défend son territoire afin de ne pas s’exposer à leurs défenses acérées. La vétérinaire doit stériliser un chameau récalcitrant. Un chien guide à l’instinct hors du commun présente une bosse étrange. Des bébés chouettes passent leur premier examen médical et le Dr Oakley hurle au côté de chiens loups.</t>
  </si>
  <si>
    <t>P0810319</t>
  </si>
  <si>
    <t>Michelle ou la vie sauvage : Un coyote rusé</t>
  </si>
  <si>
    <t>Wily Coyote</t>
  </si>
  <si>
    <t>Le Dr Oakley est sous le choc lors de la stérilisation d’un coyote rusé, qui ignore que la vétérinaire a plus d’un tour dans son sac. Un bébé phoque doit subir une intervention chirurgicale d’urgence s’il souhaite revoir un jour l’océan. Chuckles le renne doit se faire tailler les bois. Un jeune bœuf musqué a un appétit difficile, une dinde a une patte cassée et un daim bienheureux voit sa chance tourner.</t>
  </si>
  <si>
    <t>P0811776</t>
  </si>
  <si>
    <t>Michelle ou la vie sauvage : Rodéo de caribous</t>
  </si>
  <si>
    <t>Reindeer Rodeo</t>
  </si>
  <si>
    <t>Le Dr Oakley examine les bois géants de caribous bien décidés à lui laisser quelques salissures. Le ventre gonflé d’un élan inquiète ses propriétaires. Deux alpagas font la connaissance d’un nouvel ami potentiel. Des renards joueurs bondissent sur la vétérinaire et l’administration d’un calmant à un bison s’avère plus compliquée que prévu.</t>
  </si>
  <si>
    <t>Michelle ou la vie sauvage : Attaque piquante</t>
  </si>
  <si>
    <t>I Quill Survive</t>
  </si>
  <si>
    <t>Face à la bosse suspecte du cheval Runaway, ses propriétaires appellent Michelle Oakley à la rescousse. Tandis que la vétérinaire vient en aide à un taureau qui perd du poids à un rythme alarmant, Dame Nature ne semble pas décidée à lui faciliter la tâche. Suite à l’attaque d’un chien par un porc-épic au beau milieu de la nuit, Michelle procède à une intervention chirurgicale d’urgence jusqu’au petit matin. Une fois tous ces défis relevés, il ne lui reste plus qu’à affronter une bataille encore plus délicate : réussir à convaincre son mari d’adopter un chaton.</t>
  </si>
  <si>
    <t>P0764271</t>
  </si>
  <si>
    <t>Borneo : le royaume secret - La forêt des serpents volants</t>
  </si>
  <si>
    <t>Borneo's Secret Kingdom</t>
  </si>
  <si>
    <t>Forest of The Flying Snakes</t>
  </si>
  <si>
    <t>Australia</t>
  </si>
  <si>
    <t xml:space="preserve">Depuis les montagnes au cœur de l’île de Bornéo jusqu’à la mer, et tout au long des jungles qu’il traverse, le fleuve Kinabatangan regorge de vie. Il traverse un havre de diversité. Cette région, dont le règne animal est le plus riche de la planète, se trouve au croisement de trois plaques tectoniques et de deux océans. L’anatomie des crocodiles n’a quasiment pas changé depuis 100 millions d’années. De par son héritage ancien et sa présence associée au fleuve, cet animal est aujourd’hui un véritable totem. Nous suivons le crocodile au fil de l’eau douce, jusqu’au pied de la montagne, où nous quittons le royaume de ce prédateur pour en découvrir un autre. Des poissons combattants se disputent les eaux peu profondes des mares. Plus loin, la panthère nébuleuse poursuit les primates et les serpents volants s’élancent dans les airs, au mépris du danger. Pour atteindre le lit majeur du fleuve, nous traversons des forêts immenses, peuplées de l’une des espèces endémiques les plus connues de Bornéo : l’orang-outan. </t>
  </si>
  <si>
    <t>P0764272</t>
  </si>
  <si>
    <t>Borneo : le royaume secret - L'empire du soleil</t>
  </si>
  <si>
    <t>Empire of The Sun</t>
  </si>
  <si>
    <t>Au cœur de l’Asie du Sud-Est, dans la jungle humide de Bornéo, l’évolution produit des espèces belles et étranges. Nées de la vapeur condensée dans les montagnes éloignées, les eaux du Kinabatangan traversent des rapides et des collines avant d’arriver à leur lit majeur. Le fleuve parcourt un royaume de plus de 50 mammifères, 200 oiseaux et d’innombrables insectes. Cette année, le passage d’El Nino retarde la saison des pluies. Entre famine et chaleur insoutenable, la nature est sans pitié. Que ce soient les bucérotidés et leurs nids étonnants, ou les orangs-outans et leur mode d’existence dans la jungle, la vie s’adapte aux défis que lui lance la nature. Dans son lit incertain, le Kinabatangan nourrit des troupeaux d’éléphants, des millions d’animaux troglodytes et les petits ours de l’île. La vie suit son cours au bord du fleuve le plus sauvage de Bornéo.</t>
  </si>
  <si>
    <t>P0764273</t>
  </si>
  <si>
    <t>Borneo : le royaume secret - Le roi des marécages</t>
  </si>
  <si>
    <t>King of The Swamp</t>
  </si>
  <si>
    <t>La côte de Bornéo abrite la large zone humide de Kinabatangan-Segama. Avec ses 50 000 hectares, elle constitue l’un des écosystèmes les plus vastes et préservés de l’Asie du Sud-Est. Néanmoins, cet univers va être bouleversé : la saison des pluies est arrivée. Plus il pleut, plus le Kinabatangan prend de l’ampleur. Quand les eaux du fleuve rencontrent celles de la marée, les débordements sont inévitables. Au premier rang de ce champ de bataille, les singes nasiques se disputent le contrôle de leurs harems, tandis que la loutre cendrée cherche du poisson dans le fleuve et que des prédateurs en herbe éclosent dans les nids des crocodiles. Berceau riche à la fois pour les espèces d’eau douce et d’eau salée, cette dernière étape du Kinabatangan en est peut-être la plus productive. Plus loin, dans la chaleur des mers tropicales, où les tortues élèvent leur progéniture, nous nous rapprochons des origines du Kinabatangan, de son eau salvatrice. Tel est le retour aux sources dans le fleuve le plus sauvage de Bornéo.</t>
  </si>
  <si>
    <t>14:25:00:00</t>
  </si>
  <si>
    <t>P0828914</t>
  </si>
  <si>
    <t>L'incroyable Dr Pol : Un minuscule poulain</t>
  </si>
  <si>
    <t>Foaly Moses!</t>
  </si>
  <si>
    <t>01:00</t>
  </si>
  <si>
    <t>Ce printemps, la famille Pol est surexcitée à l’approche d’un heureux événement : leur frison, Anneke, est sur le point d’accoucher ! Ils patientent pendant 11 interminables mois jusqu’à ce qu’Anneke donne finalement naissance à un minuscule poulain. Si le Dr Pol et Diane sont complètement attendris par le nouveau-né, sa taille les préoccupe beaucoup : il pèse plus de 20 kilos de moins que prévu et n’est pourtant pas un prématuré ! Afin d’assurer la descendance de leur cheval frison, le vétérinaire et sa femme mettent tout en œuvre pour que le poulain retrouve la santé. Malgré leur organisation, des patients sont en attente de soins et deux cas sans précédent donnent du fil à retordre aux vétérinaires. Entre une improbable vasectomie, un canard atteint d’un abcès plantaire, un joli plâtre rose et une sécheresse oculaire, cette semaine a tout d’un roman !</t>
  </si>
  <si>
    <t>P0828915</t>
  </si>
  <si>
    <t>L'incroyable Dr Pol : Rodéo</t>
  </si>
  <si>
    <t>Itchin' For A Stitchin'</t>
  </si>
  <si>
    <t xml:space="preserve">En cas d’urgence, appelez Dr Pol à la rescousse ! Dans cet épisode, la tension est à son comble pour le Dr Pol et son équipe qui voient affluer tous les animaux du centre du Michigan et les complications qui vont avec. À la ferme de Ray Brooken, Dr Pol et Charles se retrouvent ligotés dans un rodéo inattendu. Au milieu de cette agitation, Charles fait un faux mouvement qui le met hors-jeu. En parallèle, le Dr Emily soigne deux chiens souffrant de blessures graves et de complications.
</t>
  </si>
  <si>
    <t>22:25:00:00</t>
  </si>
  <si>
    <t>24:05:00:00</t>
  </si>
  <si>
    <t>27:30:00:00</t>
  </si>
  <si>
    <t>08/03/2021</t>
  </si>
  <si>
    <t>Destination Wild : Les îles de l’extrême ep 1</t>
  </si>
  <si>
    <t>Frozen Islands</t>
  </si>
  <si>
    <t>Frozen Islands, 1</t>
  </si>
  <si>
    <t>South Africa</t>
  </si>
  <si>
    <t>Une multitude de minuscules îles au climat extrême, essentielles à la survie de millions d’espèces marines qui s’y reproduisent, peuplent les océans Atlantique Sud et Indien, entre 40° et 60° de latitude sud. Les îles de Géorgie du Sud, Bouvet, Marion et Crozet abritent à elles seules l’une des plus grandes colonies d’éléphants de mer, d’otaries à fourrure, d’albatros hurleurs, de manchots royaux et de gorfous dorés. Ces créatures, qui se sont remarquablement bien adaptées aux conditions de ces océans de glace, s’accouplent et élèvent leurs petits sur la terre ferme. Mais la présence de millions d’animaux ne va pas sans celle de prédateurs. Ici, les orques traquent leurs proies.</t>
  </si>
  <si>
    <t>08:35:00:00</t>
  </si>
  <si>
    <t>P0781352</t>
  </si>
  <si>
    <t>Top 10 des animaux : Les chats et les grenouilles</t>
  </si>
  <si>
    <t>Ultimate Animals Compilations</t>
  </si>
  <si>
    <t>Cats and Frogs</t>
  </si>
  <si>
    <t>00:30</t>
  </si>
  <si>
    <t>Il est possible que les grenouilles détiennent le secret de l’immortalité, tandis que le ronronnement du chat pourrait peut-être maintenir les astronautes en vie dans l’espace.</t>
  </si>
  <si>
    <t>09:05:00:00</t>
  </si>
  <si>
    <t>P0810309</t>
  </si>
  <si>
    <t>Michelle ou la vie sauvage : Problème épineux</t>
  </si>
  <si>
    <t>License To Quill</t>
  </si>
  <si>
    <t>Harper le chien a besoin de l’expertise du Dr Oakley suite à une rencontre fortuite qui le met dans une situation épineuse aux graves conséquences. La vétérinaire se prépare au combat face à un bœuf musqué qui a perdu de sa superbe mais ce mastodonte n’apprécie pas d’être mené à la baguette. Un peu de miel ne suffira pas à un ourson pour qu’il se laisse opérer. Freya le chiot souffre d’un problème oculaire, tandis que Wilber le mustang, autrefois à l’état sauvage, est soumis à des examens pour un abcès.</t>
  </si>
  <si>
    <t>09:50:00:00</t>
  </si>
  <si>
    <t>P0811774</t>
  </si>
  <si>
    <t>Michelle ou la vie sauvage : Piège à ours</t>
  </si>
  <si>
    <t>Bear Trapped</t>
  </si>
  <si>
    <t>Alors que le Dr Oakley et sa fille sont perchées dans les arbres à l’affût d’un ours noir qui nécessite la pose d’un collier, un invité surprise leur met des bâtons dans les roues. Un bébé renne souffre d’une blessure qui menace son pronostic vital. La vétérinaire gère ensuite une clinique canine sur une île reculée, où elle découvre un teckel coincé dans un piège de chasse et reçoit la visite d’un agent de police à quatre pattes.</t>
  </si>
  <si>
    <t>10:40:00:00</t>
  </si>
  <si>
    <t>P0810430</t>
  </si>
  <si>
    <t>Michelle ou la vie sauvage : Intervention bovine</t>
  </si>
  <si>
    <t>Bovine Intervention</t>
  </si>
  <si>
    <t>Le Dr Oakley est appelée au chevet d’une truie bougonne en train de mettre bas et de son porcelet affamé. L’application d’une bande molletière se révèle pleine de surprise et la vétérinaire envoie son équipe à la poursuite d’une vache sauvage. Elle attend la tombée de la nuit pour examiner la population locale de chauves-souris. Un chien traverse des changements inopinés, tandis qu’un poney nécessite l’expertise du Dr Oakley pour lutter contre une mystérieuse infection.</t>
  </si>
  <si>
    <t>11:25:00:00</t>
  </si>
  <si>
    <t>P0873098</t>
  </si>
  <si>
    <t>L'incroyable Dr Pol : Dans de beaux draps</t>
  </si>
  <si>
    <t>Frankly My Deer...</t>
  </si>
  <si>
    <t>Cette semaine, les patients du Dr Pol semblent s’être donné le mot et se sont mis dans de beaux draps. Empêtrée dans une clôture en barbelés, une chèvre Boer souffre d’une déchirure à la patte qui engage son pronostic vital. Un braque de Weimar se trouve dans une situation pour le moins délicate. Mais toutes les blessures ne sont pas volontaires… Un daim malchanceux croise le chemin d’une fléchette et un lapin géant des Flandres voit ses oreilles prises d’assaut par des mites. Pas de panique, les vétérinaires de la clinique accourent à la rescousse !</t>
  </si>
  <si>
    <t>12:10:00:00</t>
  </si>
  <si>
    <t>P0873171</t>
  </si>
  <si>
    <t>L'incroyable Dr Pol : Coup de froid</t>
  </si>
  <si>
    <t>Love At Frost Sight</t>
  </si>
  <si>
    <t>Cette semaine, un blizzard s’abat sur le centre du Michigan. Qu’il vente ou qu’il neige, rien n’empêchera l’équipe de porter secours aux animaux en détresse. Dr Brenda s’occupe de Gizmo, un spitz nain qui a manqué une marche durant sa leçon de danse. De son côté, Dr Pol bichonne un inséparable rosegorge. Dr Nicole, quant à elle, brave le froid de l’hiver pour se rendre dans une ferme amish où un cheval effrayé par un chasse-neige a chuté et perforé sa cage thoracique. Les vétérinaires s’emmitouflent et retroussent leurs manches afin de gérer crises canines, fausses alertes et même la disparition d’un chaton.</t>
  </si>
  <si>
    <t>13:05:00:00</t>
  </si>
  <si>
    <t>14:00:00:00</t>
  </si>
  <si>
    <t>Destination Wild : Les îles de l’extrême ep 2</t>
  </si>
  <si>
    <t>Frozen Islands, 2</t>
  </si>
  <si>
    <t>Extrêmement reculées, les îles du sud des océans Indien et Pacifique sont presque inaccessibles aux êtres humains. Régions parmi les plus inhospitalières de notre planète, elles sont néanmoins essentielles à la survie de certaines des créatures les plus rares qui existent. Alors que les baleines franches australes se reproduisent dans les baies des îles Auckland et Enderby, les lions de mer de Nouvelle-Zélande ainsi que les manchots antipodes s’accouplent sur les plages et dans les forêts. Les manchots royaux, quant à eux, ne nichent que sur l’île Macquarie, tandis que les albatros royaux ont un faible pour les terrains pentus de l’île Campbell. La présence d’animaux reproducteurs rime avec celle de prédateurs, tels que les orques et les pétrels géants.</t>
  </si>
  <si>
    <t>Winter Wonderland</t>
  </si>
  <si>
    <t>Winter Wonderland, 1</t>
  </si>
  <si>
    <t>Germany</t>
  </si>
  <si>
    <t>16:30:00:00</t>
  </si>
  <si>
    <t>P0797455</t>
  </si>
  <si>
    <t>Prédateurs d'Afrique : L'héritière du clan Chimbwe</t>
  </si>
  <si>
    <t>Africa's Hunters</t>
  </si>
  <si>
    <t>Heir to the Clan</t>
  </si>
  <si>
    <t>United Kingdom</t>
  </si>
  <si>
    <t>Une nouvelle recrue a fait son entrée dans la famille des hyènes tachetées. Spotty, fille d’une femelle dominante, est une princesse destinée à régner sur le clan Chimbwe, dans la vallée Luangwa, en Zambie. Née avec une cuillère en argent dans la bouche, ce bébé hyène doit toutefois faire ses preuves. Le clan Chimbwe est redoutable et Spotty devra se battre pour se faire une place au sein de cette famille violemment compétitive. Âgés de six mois, Spotty et son frère jumeau ont dès leur naissance été nourris au lait riche d’Amai, leur mère. Ils n’ont jamais quitté la chaleur de leur tanière et dépendent entièrement de leur mère pour être nourris. Aucune autre femelle ici ne sera prête à les prendre sous son aile. En tant que chef de clan, Amai ordonne et la meute s’exécute, ses petits ont jusqu’ici eu une vie facile. À mesure que le clan grandit et que de nouveaux cousins émergent des tanières, la compétition s’intensifie et le statut privilégié de Spotty fait d’elle la cible des persécutions.</t>
  </si>
  <si>
    <t>P0847553</t>
  </si>
  <si>
    <t>Le refuge du bonheur : Une livraison spéciale</t>
  </si>
  <si>
    <t>Bandit Patrol Compilations</t>
  </si>
  <si>
    <t>Special Delivery</t>
  </si>
  <si>
    <t>À l’état sauvage, les bébés animaux dépendent entièrement de leur mère. Mais il arrive que cette dernière ne survive pas à ses petits, c’est à cet instant précis que les soigneurs entrent en jeu. Kristin et son fils Grant élèvent un bébé lynx orphelin. De son côté, Brigette porte secours à un bébé mouffette souffrant de potentielles lésions nerveuses, dont la mère aurait été écrasée par une voiture. Enfin, Nikki rééduque deux familles de renards orphelins qui ne parviennent pas à se fier à leurs instincts naturels.</t>
  </si>
  <si>
    <t>18:15:00:00</t>
  </si>
  <si>
    <t>P0847552</t>
  </si>
  <si>
    <t>Le refuge du bonheur : La famille des renards</t>
  </si>
  <si>
    <t>Foxy Family</t>
  </si>
  <si>
    <t>Les soigneurs du Kentucky forment une famille très unie. Chacun d’entre eux a sa spécialité qu’il fait partager à la communauté lorsque l’un des soigneurs a trop d’animaux à sa charge. Nikki est rentrée à la maison avec une portée de bébés ratons laveurs, qu’elle ne peut nourrir en permanence en raison de son travail à temps plein. Heureusement, elle peut compter sur Nancy pour prendre le relais. Kristin et Nikki réunissent leurs renards orphelins afin d’augmenter leur chance de survie à l’état sauvage. Enfin, Nikki apporte un petit-duc à Kristin, qui s’avère être une spécialiste de la réhabilitation des rapaces.</t>
  </si>
  <si>
    <t>19:05:00:00</t>
  </si>
  <si>
    <t>P0831500</t>
  </si>
  <si>
    <t>Snakes In The City : Maman Mamba</t>
  </si>
  <si>
    <t>Mamba Mama</t>
  </si>
  <si>
    <t>Dans cet épisode, un mamba noir est piégé à l’intérieur d’un canapé dans une minuscule pièce à seulement quelques centimètres de Simon et Siouxsie qui risquent la morsure à tout moment ! Simon a les mains prises quand il réalise que le mamba vert qu’il va secourir est sur le point d’accoucher. Un cobra cracheur s’avère insaisissable, Siouxsie doit gérer un varan plutôt agressif et ils découvrent que cela fait sûrement des jours qu’un homme partage sa chambre avec mamba noir !</t>
  </si>
  <si>
    <t>19:55:00:00</t>
  </si>
  <si>
    <t>P0831499</t>
  </si>
  <si>
    <t>Snakes In The City : Un orage de serpents</t>
  </si>
  <si>
    <t>Storm of Snakes</t>
  </si>
  <si>
    <t>Dans cet épisode, Simon et Siouxsie affrontent un orage tropical pour secourir un mamba noir - un seul faux pas et c’est la mort ! Un bébé cobra cracheur attaque Siouxsie sournoisement et manque de l’aveugler, pendant qu’un imposant serpent cracheur entame un combat à mort avec un petit chien. Un mamba vert entraîne toute l’équipe vers de nouveaux sommets, et Simon et Siouxsie jouent à “passe le python” dans un ciel rampant effrayant.</t>
  </si>
  <si>
    <t>P0837134</t>
  </si>
  <si>
    <t>Michelle ou la vie sauvage : En direct de l’Alaska</t>
  </si>
  <si>
    <t>Dr. Oakley: Yukon Vet Compilations</t>
  </si>
  <si>
    <t>Alaska Calling</t>
  </si>
  <si>
    <t>Le Dr Oakley part pour l’Alaska où l’attend un chien de traîneau victime d’une malheureuse rencontre avec un porc-épic. Elle doit lui retirer les épines, sans quoi cette blessure pourrait bien lui être fatale. Plusieurs bébés élans souffrent de problèmes digestifs et ont urgemment besoin du lait de leur mère. Avant que la vétérinaire ne reparte, des rennes, des ours noirs et même un carcajou passent sous ses mains expertes.</t>
  </si>
  <si>
    <t>P0837455</t>
  </si>
  <si>
    <t>Michelle ou la vie sauvage : Des bébés de toutes parts</t>
  </si>
  <si>
    <t>Whoa, Baby!</t>
  </si>
  <si>
    <t>Des bébés animaux divers et variés attendent le Dr Oakley en Alaska. La vétérinaire ausculte des bébés élans orphelins avant qu’ils ne soient relâchés en pleine nature. La stérilisation d’un louveteau gris prend un tour complètement inattendu. Plusieurs vaches et juments islandaises sont soumises à des contrôles de gravidité. Le Dr Oakley devra faire appel à ses compétences d’enquêtrice pour retrouver un papa lapin, avant d’assister à la naissance d’un renne aux premières loges.</t>
  </si>
  <si>
    <t>22:15:00:00</t>
  </si>
  <si>
    <t>P0839366</t>
  </si>
  <si>
    <t>Michelle ou la vie sauvage : Wouf wouf !</t>
  </si>
  <si>
    <t>Mush!, Mush!</t>
  </si>
  <si>
    <t>Quand les animaux, domestiques comme sauvages, sont dans la tourmente, la vétérinaire Michelle Oakley a la solution ! Alors qu’elle vient prêter main forte à ses voisins d’Alaska, une ribambelle de chiens attend son diagnostic. Entre les opérations, les vaccins, les bilans de santé annuels et les programmes de perte de poids pour un chien trop glouton, notre plus fidèle compagnon à quatre pattes ne peut qu’être sur le chemin de la guérison. Mais toutes les histoires ne connaissent pas une fin heureuse, notamment lorsqu’elle doit aider un maître à prendre une décision douloureuse pour son meilleur ami mal en point.</t>
  </si>
  <si>
    <t>23:10:00:00</t>
  </si>
  <si>
    <t>Michelle ou la vie sauvage : Au pays des kangourous</t>
  </si>
  <si>
    <t>Rescuers Down Under</t>
  </si>
  <si>
    <t>Tourmentée par les ravages provoqués par les feux de forêt en Australie, Michelle Oakley se rend sur place accompagnée de sa fille Sierra afin de prêter main-forte comme elle le peut. Les Oakley participent au sauvetage d’un kangourou et de son petit, qu’elles transportent jusqu’à une clinique pour espèces sauvages. Face aux incendies qui barrent les routes secondaires, les ramener dans leur habitat naturel ne sera pas une mince affaire. Elles partent ensuite à la recherche d’un koala rescapé au sein d’un refuge, qu’elles aident à se remettre sur pied, puis font la rencontre d’une roussette d’Australie.</t>
  </si>
  <si>
    <t>N0013662</t>
  </si>
  <si>
    <t>Les hommes-requins : Mystères du Grand Blanc</t>
  </si>
  <si>
    <t>Shark Men</t>
  </si>
  <si>
    <t>Surf's Up</t>
  </si>
  <si>
    <t xml:space="preserve">Nos "hommes-requins " continuent leur mission à proximité des côtes californiennes afin de poser des traceurs sur les jeunes grands blancs. Si les recherches sont nombreuses sur ces illustres prédateurs des océans, nous n'avons que très peu d'informations sur les premières années de leur vie et la manière dont ils deviennent adultes. Mais cette mission s'avère périlleuse... aussi bien pour nos experts qui ne connaissent pas le comportement des jeunes spécimens que pour les requins aux réactions imprévisibles ! </t>
  </si>
  <si>
    <t>N0012184</t>
  </si>
  <si>
    <t>Les hommes-requins : Alerte à Malibu</t>
  </si>
  <si>
    <t>Beach Patrol</t>
  </si>
  <si>
    <t>Retrouvez l'équipe des " hommes-requins"  pour une nouvelle aventure le long des côtes californiennes. Le bateau Ocean accoste à quelques mètres de la plage de Malibu. L'objectif ? Pêcher des requins juvéniles pour leur greffer  un radar et prélever leur ADN. Comprendre leur mode de vie depuis leur plus jeune âge, suivre leurs déplacements permettrait de mieux appréhender la préservation cette espèce.</t>
  </si>
  <si>
    <t>N0012174</t>
  </si>
  <si>
    <t>Coup mortel : Drôle de bête</t>
  </si>
  <si>
    <t>Strike Force</t>
  </si>
  <si>
    <t>Operation Sawfish</t>
  </si>
  <si>
    <t>New Zealand</t>
  </si>
  <si>
    <t>Suivez Jamie Seymour et Richard Fitzpatrick dans leurs aventures. Ces deux scientifiques partent dans des missions improbables et fascinantes.</t>
  </si>
  <si>
    <t>09/03/2021</t>
  </si>
  <si>
    <t>P0867703</t>
  </si>
  <si>
    <t>La dynastie des chiens de prairie : Guerre de territoire</t>
  </si>
  <si>
    <t>Prairie Dog Manor</t>
  </si>
  <si>
    <t>Once Upon A Time In New Mexico</t>
  </si>
  <si>
    <t>Après quatre mois d’hibernation, les chiens de prairie mâles du nord du Nouveau-Mexique émergent de leur léthargie. Tandis que les femelles poursuivent leur somme à l’intérieur des terriers, les mâles livrent bataille pour asseoir leur suprématie à l’extérieur. Au cœur des plaines, Furgie, deux ans, souhaite gravir l’ascenseur social mais doit d’abord affronter Brutus, le chef de meute. Gnash règne en maître sur les régions montagneuses et doit repousser plusieurs chiens de prairie qui lorgnent sur son territoire.</t>
  </si>
  <si>
    <t>P0873097</t>
  </si>
  <si>
    <t>L'incroyable Dr Pol : Charlie, le cheval miniature</t>
  </si>
  <si>
    <t>Dr. Pol's Super Bowl</t>
  </si>
  <si>
    <t>Dr Pol a beau voir défiler des milliers de patients chaque année, seul Charlie le minuscule poney a réussi à conquérir son cœur ! Dans cet épisode, nous reviendrons sur le lien unique qu’ont tissé le vétérinaire et le petit cheval au fil des années. Ce dernier rend visite aux résidents d’une maison de retraite locale avant de disputer une compétition au Remus Bowling Center afin de lever des fonds destinés aux anciens combattants.</t>
  </si>
  <si>
    <t>P0756748</t>
  </si>
  <si>
    <t>Chasseur de serpents : Philippines</t>
  </si>
  <si>
    <t>Ten Deadliest Snakes</t>
  </si>
  <si>
    <t>Phillipines</t>
  </si>
  <si>
    <t xml:space="preserve">Les 7 000 îles des Philippines abritent plus de 25 000 espèces que l'on ne retrouve nulle part ailleurs. Avec presque 180 serpents, il n’a que l’embarras du choix pour son top 10. Nigel part en expédition dans des montagnes recouvertes de jungles, des rizières luxuriantes et des rivières souterraines vierges. Il est à la recherche d'un serpent de mer à la morsure fatale, et du cobra le plus venimeux au monde. En chemin, il rencontre l'aigle le plus grand du monde, un gecko qui s'accroche et des frères qui sauvent la vie des fermiers de la région.
</t>
  </si>
  <si>
    <t>P0756743</t>
  </si>
  <si>
    <t>Chasseur de serpents : Brésil</t>
  </si>
  <si>
    <t>Brazil</t>
  </si>
  <si>
    <t xml:space="preserve">Des zones humides du Rio Grande à la forêt vierge d'Amazonie, le Brésil abrite des serpents mortels et Nigel compte bien les trouver tandis qu'il décompte son top 10. Le Bothrops insularis, dont on dénombre seulement quelques centaines de spécimens, vit exclusivement sur la minuscule Île aux Serpents. Mais peut-il détrôner le Jararaca, qui est responsable de nombreuses morsures sur l'homme ? Avec plus de 25 000 morsures signalées à travers le pays chaque année, Nigel plonge dans les techniques scientifiques fascinantes, destinées aux traitements anti-venin, et qui peuvent sauver des milliers de vies. 
</t>
  </si>
  <si>
    <t>N0000798</t>
  </si>
  <si>
    <t>Tueurs nés : Serpents</t>
  </si>
  <si>
    <t>Built For The Kill</t>
  </si>
  <si>
    <t>Snake</t>
  </si>
  <si>
    <t xml:space="preserve">Survivre est le premier impératif des espèces animales. " Tueurs nés " dissèquent avec soin les méthodes employées par les serpents les plus mortels au monde pour se défendre. Que ce soit par empoisonnement ou paralysie, de la jungle aux profondeurs de l'océan, nous suivons à la trace ces tueurs à sang-froid pour révéler leurs traits de prédateurs plus qu'impressionnants. </t>
  </si>
  <si>
    <t>N0011947</t>
  </si>
  <si>
    <t>Cruauté animale : En Amazonie</t>
  </si>
  <si>
    <t>World's Deadliest Animals</t>
  </si>
  <si>
    <t>Amazon</t>
  </si>
  <si>
    <t>En Amazonie, les créatures se battent pour survivre. La vipère de Schlegel arboricole utilise son venin pour tuer de petits animaux. De son côté, une femelle serpent Lachesis défend avec ardeur son nid.</t>
  </si>
  <si>
    <t>P0876072</t>
  </si>
  <si>
    <t>Prédateurs d'Afrique : L’ascension de Kimba</t>
  </si>
  <si>
    <t>Africa's Hunters S3</t>
  </si>
  <si>
    <t>Kimba's Rise</t>
  </si>
  <si>
    <t>Dans la vallée de la Luangwa, en Zambie, la troupe des lions de Mwamba règne sur la rive ouest du fleuve et fait face à un avenir incertain. Les mâles dominants du groupe errent sur les territoires voisins, avides d’arracher le pouvoir aux autres familles. Les femelles n’ont d’autre choix que de prendre la relève et de partir en chasse. Si les neuf lionnes indomptables de la bande tentent chaque jour d’abattre des antilopes, l’appétit d’ogre de leurs six adolescents ainsi que l’échec d’une partie de leurs efforts menacent les réserves de nourriture. Parmi ces lionceaux en pleine croissance, deux sont les meilleurs amis du monde. Bien que benjamine de la famille, l’impulsive et affirmée Maya a toujours été téméraire et imprudente. Son frère aîné Kimba, lui, se fait plus réservé ; il a beau se tenir à l’écart du danger, sa petite sœur l’emmène parfois hors du droit chemin. Pour devenir adultes, ces jeunes lions devront observer un rite initiatique qui les forgera ou entraînera leur perte.</t>
  </si>
  <si>
    <t>P0850739</t>
  </si>
  <si>
    <t>Le refuge du bonheur : Les enfants vont bien</t>
  </si>
  <si>
    <t>The Kids Are Alright</t>
  </si>
  <si>
    <t>Lorsque les soigneurs d’espèces sauvages ont besoin d’un coup de main, ils font généralement appel à leurs enfants. Certains suivent même les traces de leur mère et deviennent, à leur tour, rééducateurs. La famille Allen accueille un bébé vison dont la mère a été abattue avant même que celui-ci n’ouvre les yeux. Nikki et sa fille Jaci rééduquent de petits ratons laveurs et leur apprennent à pêcher. De leur côté, Nancy et sa fille Whitney portent secours à des bébés mouffettes orphelines et déshydratées. Enfin, Grant bâtit un nouveau nid pour une buse à queue rousse dans un très grand arbre.</t>
  </si>
  <si>
    <t>P0831501</t>
  </si>
  <si>
    <t>Snakes In The City : Gigantissime</t>
  </si>
  <si>
    <t>Humongosaur</t>
  </si>
  <si>
    <t>Simon and Siouxsie échappent de justesse à un mamba noir. Une famille est envahie par une colonie de cobras cracheurs du Mozambique, leur fillette de 6 ans a été mordue au visage par l’un d’eux, tandis qu’un autre est désormais dans leur maison ! Un serpent marron sème la panique parmi les ouvriers d’une station électrique ! Siouxsie a la mauvaise surprise de se faire mordre par une couleuvre qui ne veut pas relâcher sa prise. Pétrifié de peur, un habitant de Durban est harcelé par un énorme cobra des forêts et Simon vient l’attraper à mains nues !</t>
  </si>
  <si>
    <t>Snakes In The City : La fosse aux serpents</t>
  </si>
  <si>
    <t>The Snake Pit</t>
  </si>
  <si>
    <t>Entre un énorme mamba noir bien décidé à ne pas se faire capturer, un cobra caché au milieu de vieux sacs et un serpent tapi dans une voiture, Simon ne sait plus où donner de la tête.</t>
  </si>
  <si>
    <t>Maman mamba</t>
  </si>
  <si>
    <t>Big Mamma Mamba</t>
  </si>
  <si>
    <t>Dans cet épisode, Simon échappe de justesse à un mamba noir femelle sur le point de pondre ses œufs. Mais Simon et Sioux ne sont pas au bout de leurs surprises : d’autres mambas femelles les attendent…</t>
  </si>
  <si>
    <t>P0898304</t>
  </si>
  <si>
    <t>Snakes In The City : Terreur à la maternelle</t>
  </si>
  <si>
    <t>Kindergarten Terror</t>
  </si>
  <si>
    <t>Dans cet épisode, Sioux se retrouve nez à nez avec un mamba vert, Simon manque d’être mordu par un mamba noir et nos deux compères capturent deux étranges serpents qui n’ont rien à faire à Durban.</t>
  </si>
  <si>
    <t>P0898305</t>
  </si>
  <si>
    <t>Snakes In The City : Terreur dans un quartier résidentiel</t>
  </si>
  <si>
    <t>Housing Estate Horror</t>
  </si>
  <si>
    <t>Dans cet épisode, un gigantesque mamba noir se cache sous l’évier d’une cuisine. Simon déchire un canapé pour débusquer un serpent cracheur et grimpe à un arbre afin de capturer un serpent très venimeux de l’espèce Ahaetulla nasuta.</t>
  </si>
  <si>
    <t>N0013661</t>
  </si>
  <si>
    <t>Les hommes-requins : A quand la pause ?</t>
  </si>
  <si>
    <t>Can't Catch A Break</t>
  </si>
  <si>
    <t>L'équipe des hommes-requins abandonne les eaux de la Californie du Sud et part au nord vers les arides îles Farallon. Sous la surveillance des experts du National Marine Sanctuary, l'équipe est la première jamais autorisée à pêcher un grand requin blanc pour ses recherches. Mais des circonstances inattendues vont obliger les scientifiques à suspendre temporairement le permis de l'équipe.</t>
  </si>
  <si>
    <t>N0011963</t>
  </si>
  <si>
    <t>Nuits sauvages : Nouvelle Orléans</t>
  </si>
  <si>
    <t>Wild Nights</t>
  </si>
  <si>
    <t>New Orleans</t>
  </si>
  <si>
    <t>L'exploratrice de Nat Geo Wild Mireya Mayor a peu de temps pour localiser les quelques résidents du Far West de la Nouvelle Orléans. Son but ultime : attraper un sanglier sauvage de 135 kilos, vivant dans la ville. Durant son aventure, elle travaillera avec l'aide des experts locaux de la vie sauvage et du contrôle des animaux, d'un chauffeur de taxi et des habitants de la Nouvelle Orléans afin de débusquer ces surprenants habitants de nos villes. De la rue de Bourbon aux marécages, ça va être sauvage !</t>
  </si>
  <si>
    <t>10/03/2021</t>
  </si>
  <si>
    <t>P0873169</t>
  </si>
  <si>
    <t>L'incroyable Dr Pol : Tempête de neige</t>
  </si>
  <si>
    <t>License To Chill</t>
  </si>
  <si>
    <t>Si l’hiver touche à sa fin, il n’a pas dit son dernier mot. Cette semaine, les températures glaciales et les fortes rafales de neige entravent le travail des vétérinaires de la clinique. Dr Pol se passionne pour un dogue allemand blessé à la queue et Dr Brenda zigzague entre de dangereuses stalactites afin d’examiner un lama. De leur côté, Dr Emily et Dr Nicole redoublent d’efforts pour sauver une vache hargneuse qui souffre d’un prolapsus. Entre les appels des fermes, les routes verglaçantes et les douleurs hivernales, l’équipe en voit de toutes les couleurs.</t>
  </si>
  <si>
    <t>P0847555</t>
  </si>
  <si>
    <t>Michelle ou la vie sauvage : Les surprises du Yukon</t>
  </si>
  <si>
    <t>Yukon Do It</t>
  </si>
  <si>
    <t>La région du Yukon réserve bien des surprises. Malgré la grande expérience et les multiples talents de la docteure Michelle Oakley, les premières fois font presque partie du lot quotidien. Avec l’aide de sa famille, la vétérinaire castre un yak et soigne un aigle recouvert de goudron. Elle réalise ensuite une opération risquée sur un cheval atteint d’une grave infection oculaire.</t>
  </si>
  <si>
    <t>P0847557</t>
  </si>
  <si>
    <t>Michelle ou la vie sauvage : Tous sur le pont !</t>
  </si>
  <si>
    <t>All Hooves on Deck</t>
  </si>
  <si>
    <t>Pour les cas les plus difficiles, la vétérinaire Michelle Oakley ne peut se débrouiller seule, notamment lorsqu’elle se retrouve aux prises avec un bœuf. Heureusement, elle peut compter sur son mari pour l’aider à rassembler un troupeau de bisons, ainsi que sur son équipe pour soigner deux aiglons blessés.</t>
  </si>
  <si>
    <t>P0893960</t>
  </si>
  <si>
    <t>Michelle ou la vie sauvage : La course de traîneaux</t>
  </si>
  <si>
    <t>Dont Stop Retrievin'</t>
  </si>
  <si>
    <t>N0011857</t>
  </si>
  <si>
    <t>Festin de chien ! : Des cuillères ?</t>
  </si>
  <si>
    <t>My Dog Ate What?</t>
  </si>
  <si>
    <t>Fish Hooks, Spoons, And Coins</t>
  </si>
  <si>
    <t>Alors qu'il se promène dans Central Park, le labrador Milo mange des aiguilles. Loki, un Jack Russell Terrier espiègle, se retrouve accroché à un hameçon. Bogie, un attachant Saint Bernard épileptique, avale une cuillère avec ses médicaments. Spunky, un bichon maltais avale des pièces de monnaie. Jackson, un gentil chien de secours, avale plus d'un kilo de rembourrage provenant de son jouet. Sophie, un petit Carlin est en danger après avoir mangé son jouet de vacances.... Pourquoi notre meilleur ami à quatre pattes se retrouve avec tous ces objets dans le ventre et comment faire pour les aider?</t>
  </si>
  <si>
    <t>P0876073</t>
  </si>
  <si>
    <t>Prédateurs d'Afrique : Le ciment de la troupe</t>
  </si>
  <si>
    <t>Prides And Prejudice</t>
  </si>
  <si>
    <t>Milo le lionceau appartient à la puissante troupe de Mwamba, qui règne sur le territoire à l’ouest de la Luangwa. Composée de 20 membres et dirigée par 3 frères redoutables, elle est la plus grande troupe à des kilomètres à la ronde et assure à Milo tous les atouts pour réussir dans la vie. Chez les lions, les petits forment le ciment qui unit les membres d’une meute. Alors que Milo devrait être entouré d’autres lionceaux, il est terriblement seul. Son frère Poppy a été emporté par un prédateur de passage, profitant de l’absence du reste de la troupe partie chasser. La nouvelle de la disparition de Poppy se répand comme une traînée de poudre au sein de la famille. Tandis qu’il ne reste qu’un seul petit et qu’aucune femelle n’attend d’heureux événement, les mâles abandonnent la meute et partent chercher d’autres lionnes sur la rive opposée. Leur départ fragilise le lien qu’entretient Milo avec sa mère et le reste de la troupe.</t>
  </si>
  <si>
    <t>P0780713</t>
  </si>
  <si>
    <t>Urgences Animales : Max le miraculé</t>
  </si>
  <si>
    <t>Animal ER</t>
  </si>
  <si>
    <t>Miracle Max</t>
  </si>
  <si>
    <t>Cette semaine, les super vétérinaires de la clinique Gulf Coast au Texas traitent un labrador atteint d'une pathologie cardiaque, un paon qui s’est déchiré un tendon, un schnauzer atteint d'une tumeur de 2,5 kg et un cocker anglais hermaphrodite !</t>
  </si>
  <si>
    <t>P0831502</t>
  </si>
  <si>
    <t>Snakes In The City : Le tunnel de la mort</t>
  </si>
  <si>
    <t>Tunnel of Doom</t>
  </si>
  <si>
    <t>Simon and Siouxsie luttent dans la boue avec un mamba noir de plus de 3 mètres alors que celui-ci est piégé dans une canalisation d’évacuation des eaux. Une couleuvre rapide comme l’éclair perd sa queue dans une ferraillerie et l’ensemble de l’équipe doit participer à la destruction d’une allée pour évacuer un cobra cracheur mortel. Un propriétaire qui vient d'emménager accueille un visiteur indésirable et Siouxsie remonte ses manches pour déloger un cobra des forêts d’un cabinet.</t>
  </si>
  <si>
    <t>N0015119</t>
  </si>
  <si>
    <t>Mon ami Casey : Les charognards du Yellowstone</t>
  </si>
  <si>
    <t>Yellowstone Scavengers</t>
  </si>
  <si>
    <t xml:space="preserve">Vous vous demandez peut-être si notre ami Casey est un grand romantique ? Cet épisode vous apportera certainement un élément de réponse : il embarque sa femme dans une chasse aux... charognards ! La nature est toujours aussi somptueuse dans le parc naturel de Yellowstone, mais la quête de Casey est un peu particulière... Pour trouver les charognards, il faut surtout chercher leur met favori : les carcasses d'animaux morts car pour eux, la viande c'est bon, surtout quand elle ne court plus ! Une carcasse peut disparaître en moins de 48 heures alors comme les grizzlis, les coyotes ou encore les putois ont des sens bien plus développés que les hommes, cette mission demandera à Casey d'utiliser sa matière grise et de faire preuve d'ingéniosité ! Les charognards lui réservent bien des surprises et de l'asticot au grizzly, Casey nous ouvre les portes d'un monde inattendu ! </t>
  </si>
  <si>
    <t>N0015116</t>
  </si>
  <si>
    <t>Mon ami Casey : Invasion de grizzlys</t>
  </si>
  <si>
    <t>Black Bear Invasion</t>
  </si>
  <si>
    <t xml:space="preserve">Malgré ses airs de peluche, Casey Junior, est un véritable petit ourson de six semaines qui devra apprendre à marcher, nager, gripper et récolter du miel sous la tutelle attentive de notre ami Casey Anderson. Pour en savoir plus sur les ours noirs à l'état sauvage, Casey se lance à leur recherche dans la grande forêt du Maine, au nord-est des Etats-Unis. Cet écosystème est extrêmement riche, les paysages d'anciennes montagnes érodées et la faune sont d'une beauté époustouflante et forment un arrière-plan inoubliable pour cette aventure unique. La concentration d'ours noirs est extrêmement dense dans cette forêt et notre expert est déterminé à les filmer dans leur habitat naturel. Il découvre dans le Maine une faune et une flore extraordinairement riche. Qui eut cru que la côte est des Etats-Unis regorgeait d'une vie sauvage aussi foisonnante ? L'ourson Casey Junior grandit et découvre à son rythme les étapes, parfois difficiles, des défis de la vie sauvage. </t>
  </si>
  <si>
    <t>N0015117</t>
  </si>
  <si>
    <t>Mon ami Casey : Grizzly contre ours polaire</t>
  </si>
  <si>
    <t>Grizzly vs. Polar Bear</t>
  </si>
  <si>
    <t xml:space="preserve">Une drôle d'affaire se trame en Alaska : alors que les ours polaires et les grizzlis vivent isolés les uns des autres depuis des millénaires par la géographie, le climat et leurs comportements totalement différents, ils se retrouvent soudain à partager la banquise ensemble. En raison du changement climatique, le territoire des ours polaires reculent et la nature est la scène d'un nouveau spectacle où s'affrontent ours polaires et grizzlis. L'issue de ce conflit mettra certainement plusieurs générations à se résoudre mais Casey veut étudier ce phénomène de plus près et part dans l'Arctique à la recherche d'indices. Il mettra même son ours noir de 400 kg, Brutus, à contribution afin d'étudier les différences de comportements entre les espèces et apporter des éléments de réponse à cette question fatidique : qui aura le dernier mot dans cette triste lutte ? </t>
  </si>
  <si>
    <t>N0021179</t>
  </si>
  <si>
    <t>Mon ami Casey : Vampires en Amérique</t>
  </si>
  <si>
    <t>American Vampire</t>
  </si>
  <si>
    <t>En 2011, le premier décès par morsure de chauve-souris vampire a été recensé aux Etats Unis. Et ce ne sera malheureusement pas le seul. Casey part explorer l'invasion de cet animal au Texas et au Mexique, plongeant dans les ténèbres en quête de réponses : pourquoi les chauves-souris vampires se développent-elles et devons-nous nous en inquiéter ? Casey surmontera sa propre phobie pour révéler la vérité sur le prochain grand envahisseur de l'Amérique.</t>
  </si>
  <si>
    <t>N0012182</t>
  </si>
  <si>
    <t>Les hommes-requins : Quelle chance !</t>
  </si>
  <si>
    <t>Getting Lucky</t>
  </si>
  <si>
    <t>Pour leur premier jour aux îles Farallon, les hommes-requins font face à un incident inattendu avec un requin blanc, qui oblige les experts du National Marine Sanctuary à suspendre temporairement le permis de pêche de l'équipe. Pendant près de trois jours, l'équipe patiente avec inquiétude, pour savoir s'ils pourront reprendre la pêche dans cette zone étroitement protégé.</t>
  </si>
  <si>
    <t>N0011962</t>
  </si>
  <si>
    <t>Nuits sauvages : Rio</t>
  </si>
  <si>
    <t>Rio</t>
  </si>
  <si>
    <t>Notre exploratrice Mireya Mayor a peu de temps afin de découvrir les habitants les plus sauvages de Rio de Janeiro. Durant sa recherche, elle sera aidée par les pompiers de la ville et constatera que les serpents ont trouvé un nouveau refuge dans la ville. Elle suivra la police environnementale de Rio et partira en mission sous couverture pour mettre à jour un trafic illégal d'oiseaux sauvages.</t>
  </si>
  <si>
    <t>P0867705</t>
  </si>
  <si>
    <t>La dynastie des chiens de prairie : Le bon, la brute et le cajoleur</t>
  </si>
  <si>
    <t>The Good, The Bad &amp; The Snuggly</t>
  </si>
  <si>
    <t>Le beau temps est officiellement de retour au nord du Nouveau-Mexique : la saison des amours est donc ouverte ! Dans les plaines, Furgie doit à nouveau affronter Brutus s’il veut s’accoupler avec une femelle vivant sur le territoire du mâle dominant. Au sein des régions montagneuses, Gnash attend que sa dernière femelle ait ses chaleurs.</t>
  </si>
  <si>
    <t>11/03/2021</t>
  </si>
  <si>
    <t>P0879661</t>
  </si>
  <si>
    <t>Au cœur du zoo : Un manchot heureux</t>
  </si>
  <si>
    <t>Penguin's New 'do</t>
  </si>
  <si>
    <t>Le Dr Priya fait appel à un cardiologue pour Lady, un bonobo atteint d’une grave maladie cardiaque. Sven le renne se fait enlever d’étranges excroissances sur les bois. En période de mue depuis près d’un an, Barry le manchot espère voir le bout du tunnel. Le zoo accueille une nouvelle vétérinaire, le Dr Katie Seeley. Dans la réserve naturelle des Wilds, Dr Jan et son équipe attendent impatiemment la naissance des petits du guépard Wangari.</t>
  </si>
  <si>
    <t>P0873096</t>
  </si>
  <si>
    <t>L'incroyable Dr Pol : Un amour de grand danois</t>
  </si>
  <si>
    <t>Danes of Our Lives</t>
  </si>
  <si>
    <t>Dans cet épisode, les vétérinaires sont confrontés aux cas les plus épineux de leur carrière et la tension est à son comble. Pendant que Dr Emily s’occupe de deux mises bas et d’une bagarre de chiens, Dr Pol enchaîne un appel après l’autre et chouchoute Atlas, le chiot de Charles, afin qu’il se remette sur pied. Pas de 35 heures qui tiennent, lorsque les animaux sont en détresse, l’équipe de PVS travaille 24h/24 !</t>
  </si>
  <si>
    <t>N0015566</t>
  </si>
  <si>
    <t>Chasseurs de pythons : La rafle des crotales</t>
  </si>
  <si>
    <t>Python Hunters</t>
  </si>
  <si>
    <t>Rattlesnake Roundup</t>
  </si>
  <si>
    <t>Canada</t>
  </si>
  <si>
    <t>De retour en Floride, les chasseurs constatent que le nombre de pythons birmans a chuté. Cela ne veut pas dire que nos hommes n'ont plus de travail. Accompagnée par un amateur de serpents, l'équipe part à la recherche de l'un des crotales les plus abondants en Floride. Le crotale pygmée sombre est petit mais agressif. Preuve que sa population ne faiblit pas, nos chasseurs réussissent à en remplir un plein seau. L'expert en venin de serpent Carl Barden fait visiter à nos chasseurs son laboratoire où sont manipulées des toxines médicales et présente aux chasseurs de pythons deux espèces de cobras qu'ils espèrent rencontrer dans leur prochaine aventure en Thaïlande. Les bassins refroidissants de la centrale nucléaire de Turkey Point, près de Miami, sont un habitat idéal pour les crocodiles américains, espèce menacée, et les chasseurs rejoignent le biologiste Joe Wasilewski pour une dangereuse mission de conservation nocturne.</t>
  </si>
  <si>
    <t>N0015577</t>
  </si>
  <si>
    <t>Chasseurs de pythons : Lézards d'Australie</t>
  </si>
  <si>
    <t>Lizards of Oz</t>
  </si>
  <si>
    <t>Les chasseurs sont en mission dans le désert australien, à la recherche de créatures qu'ils ne trouveraient pas chez eux. Ils commencent par évaluer les dommages causés par le crapaud buffle, l'une des espèces les plus invasives du monde. Après avoir assisté à un cours intensif sur des reptiles venimeux du continent, les chasseurs essaient de se montrer plus malins que le varan de Gould australien, un lézard très rapide. A l'appel d'un particulier, les chasseurs attrapent un serpent de la mulga récalcitrant qui finit par offrir une dose de son venin pour la recherche. Prenant la direction du nord pour se rendre à Darwin, les chasseurs visitent un endroit connu pour abriter deux reptiles : le crocodile d'eau douce appelé " Johnston " et son grand frère, plus gros, potentiellement mangeur d'hommes, le crocodile marin. Ils rejoignent un expert local des crocodiles, avec lequel ils vont patauger dans le billabong pour aller pêcher au filet quelques crocodiles d'eau douce, les étudier, puis les relâcher.</t>
  </si>
  <si>
    <t>N0015563</t>
  </si>
  <si>
    <t>Chasseurs de pythons : Serpents très mortels</t>
  </si>
  <si>
    <t>Death By Viper</t>
  </si>
  <si>
    <t xml:space="preserve">Nos chasseurs se rendent au Costa Rica en espérant apercevoir certaines des espèces de serpents les plus meurtrières de la région. Mais avant de commencer, ils participent à une mission de protection du crocodile américain. Cette espèce envahit certaines exploitations piscicoles du pays. Les chasseurs unissent donc leurs forces à celles d'une équipe locale de conservation pour les capturer et les relâcher dans les fleuves, où ils ne risquent pas d'être tués par des exploitants. Les hommes commencent par patauger dans des eaux troubles, qui leur arrivent à la poitrine, et, une fois le crocodile attrapé au filet et bien maintenu, une lutte acharnée s'engage entre les hommes et le reptile. Changement de cap, il est temps pour nos chasseurs de se confronter à trois serpents extrêmement venimeux, voire mortels, de la région : le serpent à cils du Costa Rica, le Maître de la brousse et le légendaire Fer-de-lance. Mais d'abord, ils doivent les attraper...
 </t>
  </si>
  <si>
    <t>N0011860</t>
  </si>
  <si>
    <t>Les aventures de Brady Barr : Attaque du python</t>
  </si>
  <si>
    <t>Dangerous Encounters</t>
  </si>
  <si>
    <t>Python Attack</t>
  </si>
  <si>
    <t>"Costaud. Il est costaud ! ". Brady Barr a attrapé, à mains nues bien sûr, un python réticulé. Énorme, ce serpent pèse plus de 100 kilos et mesure près de dix mètres. Ultra-puissant et rapide comme l'éclair, c'est le prédateur ultime. Si le python est le plus long serpent du monde, c'est surtout un animal méconnu. Traqué pour sa peau, il vit caché et se terre dans des tanières obscures. En Indonésie, Brady va l'apprendre à ses dépens : dans une grotte de chauve-souris à moitié inondée, un python l'attaque et le mord gravement à la jambe.</t>
  </si>
  <si>
    <t>P0876074</t>
  </si>
  <si>
    <t>Prédateurs d'Afrique : Le marginal</t>
  </si>
  <si>
    <t>The Misfit Comes of Age</t>
  </si>
  <si>
    <t>Ce lionceau charismatique n’a pas eu une vie facile. Autrefois malmené par ses grands frères et rejeté par sa mère, ce jeune lion courageux a bien grandi. Mais les temps sont durs pour lui et sa famille… Après la disparition des mâles à la tête de la troupe, la horde s’est disloquée. Auparavant composée de vingt lions, la meute de Nsefu n’en compte plus que neuf. Parmi eux, le chétif Misfit, qui vit une période cruciale : ses frères aînés et lui devront bientôt quitter le groupe pour mener une vie de nomades. S’ils souhaitent un jour occuper le trône, ils doivent d’abord grandir, et vite. Pour survivre, il leur faut à tout prix peaufiner leurs techniques de chasse. De ce côté de la rivière, les proies constituent une denrée rare. Sur la rive opposée, une menace plane : trois redoutables mâles dominants, les Punks, règnent en maîtres et n’hésiteront pas une seconde à s’attaquer au jeune lion. Mais la meute de Nsefu, affamée, prend le risque de traverser la rivière aux crocodiles et de s’aventurer en territoire ennemi.</t>
  </si>
  <si>
    <t>P0783879</t>
  </si>
  <si>
    <t>Urgences Animales : Suspects inhabituels</t>
  </si>
  <si>
    <t>Unusual Suspects</t>
  </si>
  <si>
    <t>Cette semaine dans la clinique Gulf Coast, les meilleurs vétérinaires du Texas traitent un bulldog anglais atteint d'une pathologie surrénale, un macaque rhésus souffrant de troubles digestifs, un Yorkshire qui boite des quatre pattes, un bengal à la patte cassée et un fourmilier tamandua qui présente une plaie ouverte à la queue.</t>
  </si>
  <si>
    <t>P0831503</t>
  </si>
  <si>
    <t>Snakes In The City : La nuit sifflera trois fois</t>
  </si>
  <si>
    <t>Hiss The Night</t>
  </si>
  <si>
    <t>Par un temps d’orage estival, Simon and Siouxsie chassent un mamba noir dans un tas de tuiles à la lumière d’une lampe torche. Quand le ciel se dégage enfin, Siouxsie se retrouve empêtrée dans un jeu mortel de tir à la corde avec un cobra des forêts hors de lui. Le duo part ensuite à la recherche d’un serpent vert inconnu dans un funérarium, mais Simon a bien plus peur du vide que de la mort, et il doit affronter sa phobie pour attraper un mamba vert tout en haut d’un arbre.</t>
  </si>
  <si>
    <t>L'incroyable Dr. Pol : Divers et variés</t>
  </si>
  <si>
    <t>The Incredible Dr. Pol 10 Compilation</t>
  </si>
  <si>
    <t>Weird And Wonder-Pol</t>
  </si>
  <si>
    <t>L’équipe vétérinaire du Dr Pol accueille et prend en charge tous les animaux qui franchissent le seuil de sa porte. Peu importe le nombre d’écailles, de plumes ou de griffes qu’ils possèdent, tous sont les bienvenus !</t>
  </si>
  <si>
    <t>Happily Feather After</t>
  </si>
  <si>
    <t>À la clinique vétérinaire du Dr Pol, pas de hiérarchie qui tienne ! Chaque oiseau qui franchit le seuil de l’établissement est pris en charge et bichonné.</t>
  </si>
  <si>
    <t>P0847667</t>
  </si>
  <si>
    <t>L'incroyable Dr Pol : Le plus fidèle des compagnons</t>
  </si>
  <si>
    <t>Bark 'n Stormy</t>
  </si>
  <si>
    <t>Dans cet épisode de L’Incroyable Dr Pol, préparez-vous à quelques aboiements. Des queues coupées aux accidents évités de justesse, en passant par des extractions d’épines et des fractures de genoux, les vétérinaires sont prêts à tout pour sauver la ribambelle de chiens blessés.</t>
  </si>
  <si>
    <t>P0847668</t>
  </si>
  <si>
    <t>L'incroyable Dr Pol : Course effrénée</t>
  </si>
  <si>
    <t>A Twitch In Time</t>
  </si>
  <si>
    <t>À la clinique du Dr Pol, les urgences n’attendent pas les heures d’ouverture. Dr Emily s’affaire à soigner un chiot agonisant qui souffre à la fois du parvovirus et d’une infection bactérienne, une combinaison fatale. Pendant ce temps, Dr Pol met les bouchées doubles afin de sauver un cheval qui s’étouffe, un lapin au bord de la cécité ainsi qu’un porcelet à la croupe brisée. Les vétérinaires de la clinique mènent une course contre la montre permanente en vue de guérir leurs êtres chers.</t>
  </si>
  <si>
    <t>N0012181</t>
  </si>
  <si>
    <t>Les hommes-requins : Honneur aux dames</t>
  </si>
  <si>
    <t>Looking For Ladies</t>
  </si>
  <si>
    <t>Les hommes-requins retournent en Guadeloupe où ils ont étiquetés avec succès une douzaine de requins. Dr Domeier a presque assez de données pour soutenir sa théorie sur l'accouplement des grands blancs. Mais il a encore besoin de quelques échantillons de sang de femelles adultes.</t>
  </si>
  <si>
    <t>25:35:00:00</t>
  </si>
  <si>
    <t>P0867702</t>
  </si>
  <si>
    <t>La dynastie des chiens de prairie : Le nouveau shérif de la ville</t>
  </si>
  <si>
    <t>New Sheriff In Town</t>
  </si>
  <si>
    <t>La saison des amours touche à sa fin pour les chiens de prairie du Nouveau-Mexique. Alors qu’il règne sur les plaines, Furgie prend son rôle un peu trop au sérieux et défie un pénible voleur contre l’avis de June, sa femme qui attend un heureux événement. Dans les hauts plateaux, Gnash doit agir rapidement s’il veut empêcher que sa femme Scarlett, enceinte elle aussi, se fasse dévorer par un redoutable prédateur.</t>
  </si>
  <si>
    <t>12/03/2021</t>
  </si>
  <si>
    <t>P0873170</t>
  </si>
  <si>
    <t>L'incroyable Dr Pol : Imperturbables</t>
  </si>
  <si>
    <t>Little Pol Peep</t>
  </si>
  <si>
    <t>Assailli de questions, notre quatuor de vétérinaires préféré se retrousse les manches pour affronter une nouvelle journée frénétique. L’équipe fait face à une série de cas épineux, de bovins belliqueux jusqu’à un poney bien amoché. Préparez-vous à retenir votre souffle !</t>
  </si>
  <si>
    <t>P0846189</t>
  </si>
  <si>
    <t>Afrique, royaume impitoyable : Les déserts</t>
  </si>
  <si>
    <t>Africa's Deadly Kingdom</t>
  </si>
  <si>
    <t>Deserts</t>
  </si>
  <si>
    <t>Les déserts d’Afrique sont des territoires hostiles et impitoyables, où les êtres vivants n’ont d’autre choix que de s’en remettre à la puissance des éléments. Ces paysages extraordinaires, presque privés de toute ressource, ont vu naître des créatures uniques comme l’on n’en voit nulle part ailleurs. Dans cet épisode, les animaux nous dévoilent leurs fascinantes adaptations ainsi que les obstacles qu’ils doivent affronter dans ce territoire désolé dépourvu de toute forme de vie.</t>
  </si>
  <si>
    <t>P0846191</t>
  </si>
  <si>
    <t>Afrique, royaume impitoyable : Sur les côtes</t>
  </si>
  <si>
    <t>Coasts</t>
  </si>
  <si>
    <t>Battue par les eaux glacées de l’océan Atlantique et les vents mugissants, la côte ouest de l’Afrique du Sud constitue un environnement redoutable et instable. Afin de survivre sur ces terres à la beauté sauvage, les habitants n’ont d’autre choix que de mener une double vie : s’adapter perpétuellement afin de bénéficier des opportunités qu’offrent terre et mer, tout en s’exposant à leurs périls.</t>
  </si>
  <si>
    <t>P0846192</t>
  </si>
  <si>
    <t>Afrique, royaume impitoyable : Dans les récifs</t>
  </si>
  <si>
    <t>Reefs</t>
  </si>
  <si>
    <t>Sous les littoraux du sud de l’Afrique se cachent certains des récifs coralliens les plus vibrants et les plus diversifiés de la planète. Ces univers à la fois étranges, merveilleux et mystérieux présentent une biodiversité foisonnante. En perpétuelle évolution, ces récifs de coraux comptent parmi les environnements sous-marins les plus impitoyables. Découvrez la vie sous les vagues ainsi que les adaptations fascinantes de nombreuses créatures marines.</t>
  </si>
  <si>
    <t>P0848247</t>
  </si>
  <si>
    <t>Afrique, royaume impitoyable : Infinies prairies</t>
  </si>
  <si>
    <t>Grasslands</t>
  </si>
  <si>
    <t>Mers infinies de vert et d’or, les plaines d’Afrique s’étendent à perte de vue. Habitat préféré des animaux imposants, les plus grands rassemblements d’espèces sauvages ont lieu sur ces terres. Jonglant entre les saisons d’abondance et les périodes de privation, les créatures doivent s’adapter et se déplacer pour survivre, bien souvent au péril de leur vie.</t>
  </si>
  <si>
    <t>P0876075</t>
  </si>
  <si>
    <t>Prédateurs d'Afrique : Enfant terrible</t>
  </si>
  <si>
    <t>The Leopard Who Changed Her Spots</t>
  </si>
  <si>
    <t>Chipadzua est un jeune léopard femelle de trois ans qui aurait dû quitter le nid il y a plus d’un an déjà. À l’âge de deux ans, la tradition veut que les léopards partent à la recherche de leur propre territoire. Mais ce n’est pas de l’avis de cette princesse gâtée, bien décidée à ne pas abandonner ses privilèges. Sa mère, Malaika, est une chasseuse hors pair et Chipadzua préfère vivre à ses crochets. Alors que Malaika perche ses proies au sommet d’un arbre, hors de portée des charognards, sa fille estime pouvoir se servir. En plus de contrarier Malaika, ses agissements la mettent en danger : les grognements de Chipadzua alertent la savane et les cris des babouins manquent d’attirer sur le territoire lions et hyènes, ennemis jurés des léopards. C’en est trop pour Malaika, qui atteint son point de non-retour. Contre toute attente, elle abandonne sa fille et part en direction du nord. Pour la première fois de sa vie, Chipadzua se retrouve seule ; livrée à elle-même, le temps est venu pour elle de grandir.</t>
  </si>
  <si>
    <t>P0783880</t>
  </si>
  <si>
    <t>Urgences Animales : Evacuation</t>
  </si>
  <si>
    <t>Fire Drill</t>
  </si>
  <si>
    <t>Dans ce nouvel épisode, les vétérinaires de la clinique Gulf Coast traitent un tigre blanc qui a une grosseur à l’œil, un ancien chien policier qui souffre de la cheville, un croisé terrier qui présente des problèmes de reins et un paresseux unaus qui a des abcès chroniques. Lorsqu’un incendie se déclare dans la clinique, le personnel évacue prudemment les lieux, en veillant à ne perdre aucun patient ni propriétaire d’animal.</t>
  </si>
  <si>
    <t>P0898300</t>
  </si>
  <si>
    <t>Snakes In The City : Fosse septique</t>
  </si>
  <si>
    <t>Snakes And Sewage</t>
  </si>
  <si>
    <t>Dans cet épisode, Simon devra affronter sa peur du vide pour capturer un redoutable mamba noir. Mais ce n’est pas tout : il devra gérer ses tocs et creuser dans une fosse septique pour sauver un cobra cracheur.</t>
  </si>
  <si>
    <t>N0021429</t>
  </si>
  <si>
    <t>Cesar : Les angoisses des chiens</t>
  </si>
  <si>
    <t>Cesar Millan Doggie Nightmares</t>
  </si>
  <si>
    <t>Le célèbre comportementaliste canin Cesar Millan va à la rencontre de familles qui veulent adopter un chien dans un refuge. Il va d'abord rencontrer la famille d'un petit garçon de quatre ans prêt à avoir son premier animal de compagnie, puis une mère et sa fille qui cherchent un compagnon pour leur Yorkshire terrier. Cesar va accompagner ces familles pour identifier les problèmes de comportement de leurs chiens, grâce à un système de caméras de surveillance installé dans leur maison. Au terme d'une semaine d'essai, chaque famille doit décider si elle garde ou non le chien. Ces adoptions vont-elles se concrétiser, ou les chiens vont-ils retourner au chenil ?</t>
  </si>
  <si>
    <t>N0021924</t>
  </si>
  <si>
    <t>Cesar adore les pitbulls</t>
  </si>
  <si>
    <t>Cesar Millan: Love My Pit Bull</t>
  </si>
  <si>
    <t>Pour Cesar Millan, expert canin mondialement reconnu, les pitbulls ne sont pas les monstres agressifs que leurs détracteurs décrivent. Cesar et son pitbull, Junior, essaient de prouver que ce ne sont pas seulement les chiens, mais aussi les humains, qui ont besoin d'être éduqués pour mieux s'entendre. Cesar voyage à travers les Etats Unis pour rencontrer des personnes qui vont au secours de ces chiens, avec la ferme intention d'instaurer une meilleure connaissance et compréhension des pitbulls.</t>
  </si>
  <si>
    <t>N0022342</t>
  </si>
  <si>
    <t>SOS Cesar en Asie : Le bébé ou le chien !</t>
  </si>
  <si>
    <t>Cesar To The Rescue (Asia)</t>
  </si>
  <si>
    <t>It's The Baby Or The Dog!</t>
  </si>
  <si>
    <t>Dans cet épisode, Cesar vient en aide à un bâtard de trois ans, Elffy, qui a mordu tous les membres de sa famille. Sa propriétaire Alvina, enceinte de 8 mois et sa famille ont peur que le chien ne s'en prenne un jour au bébé. Ils se laissent une dernière chance de le rééduquer avant de s'en séparer. Et dans ces conditions, difficile de trouver quelqu'un pour s'en occuper. Si Cesar ne peut pas aider Elffy, l'animal sera probablement euthanasié.</t>
  </si>
  <si>
    <t>23:20:00:00</t>
  </si>
  <si>
    <t>P0759497</t>
  </si>
  <si>
    <t>Cesar et son fils : Sur le fil du rasoir</t>
  </si>
  <si>
    <t>Cesar Millan's Dog Nation</t>
  </si>
  <si>
    <t>Borderline K9s</t>
  </si>
  <si>
    <t xml:space="preserve">En Californie, San Diego accueille Cesar lors d'un événement live. Il aide ainsi un propriétaire de dogue allemand de 70 kilos à le contrôler, apprend à celui d'un pitbull obsédé par les balles à devenir plus sévère, et dresse un bichon frisé qui a pour habitude de mordre tout le monde. Cesar travaille également avec Chantel et Charlie, un couple de militaires dont le berger allemand menace de blesser Chantel, qui est enceinte, et leur bébé qui ne va pas tarder à naître. Cesar leur montre comment contrôler leur chien avant son arrivée... Cesar et Andre se rendent ensuite à Tijuana pour aider à résoudre le problème des chiens errants, et aident un spécimen en très mauvaise santé à retrouver la forme. Pendant ce temps, ils font découvrir une nouvelle vie à un autre chien sauvé à Tijuana en l'emmenant à San Diego. Enfin, Cesar emmène Andre dans un souterrain situé sous l'autoroute : c'est là qu'il a passé ses premiers jours à son arrivée aux Etats-Unis. 
</t>
  </si>
  <si>
    <t>N0012180</t>
  </si>
  <si>
    <t>Les hommes-requins : Attrapez le monstre !</t>
  </si>
  <si>
    <t>Monster Catch</t>
  </si>
  <si>
    <t>C'est le dernier jour en Guadeloupe pour les hommes-requins, ils veulent donc en profiter au maximum. Ils attrapent une femelle grand blanc, Annika, et Docteur Domeier espère qu'un échantillon de son sang complètera leur vivier de recherche. Ils débattent également sur Apache, un mâle chasseur, qui est leur plus gros requin.</t>
  </si>
  <si>
    <t>P0867699</t>
  </si>
  <si>
    <t>La dynastie des chiens de prairie : Affaire de famille</t>
  </si>
  <si>
    <t>Family Affair</t>
  </si>
  <si>
    <t>Au cœur des plaines, Furgie se sent le devoir d’aider la veuve enceinte abandonnée à la suite de sa bagarre avec Brutus. Ce qui n’est pas du goût de June, sa femme. À l’autre bout de la ville, Ruby réalise combien il est difficile d’être une mère célibataire et envisage de donner une chance à Stampy. Dans les régions montagneuses, Gnash a de plus en plus d’ennuis avec Carl, son beau-frère à l’esprit de déduction plutôt len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3">
    <fill>
      <patternFill patternType="none"/>
    </fill>
    <fill>
      <patternFill patternType="gray125"/>
    </fill>
    <fill>
      <patternFill patternType="solid">
        <fgColor rgb="FFFFFF0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9">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xf numFmtId="0" fontId="4" fillId="2" borderId="1" xfId="0" applyNumberFormat="1" applyFont="1" applyFill="1" applyBorder="1" applyAlignment="1">
      <alignment vertical="top" wrapText="1" readingOrder="1"/>
    </xf>
    <xf numFmtId="0" fontId="1" fillId="2" borderId="0" xfId="0" applyFont="1" applyFill="1" applyBorder="1"/>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13"/>
  <sheetViews>
    <sheetView showGridLines="0" tabSelected="1" topLeftCell="A196" workbookViewId="0">
      <selection activeCell="A170" sqref="A170:XFD170"/>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c r="D3" s="2" t="s">
        <v>15</v>
      </c>
      <c r="E3" s="2" t="s">
        <v>16</v>
      </c>
      <c r="F3" s="2" t="s">
        <v>17</v>
      </c>
      <c r="G3" s="3">
        <v>1</v>
      </c>
      <c r="H3" s="2" t="s">
        <v>18</v>
      </c>
      <c r="I3" s="3">
        <v>2020</v>
      </c>
      <c r="J3" s="2" t="s">
        <v>19</v>
      </c>
      <c r="K3" s="2"/>
      <c r="L3" s="2" t="s">
        <v>20</v>
      </c>
    </row>
    <row r="4" spans="1:12" ht="15.2" customHeight="1">
      <c r="A4" s="2" t="s">
        <v>13</v>
      </c>
      <c r="B4" s="2" t="s">
        <v>21</v>
      </c>
      <c r="C4" s="2"/>
      <c r="D4" s="2" t="s">
        <v>22</v>
      </c>
      <c r="E4" s="2" t="s">
        <v>16</v>
      </c>
      <c r="F4" s="2" t="s">
        <v>23</v>
      </c>
      <c r="G4" s="3">
        <v>2</v>
      </c>
      <c r="H4" s="2" t="s">
        <v>18</v>
      </c>
      <c r="I4" s="3">
        <v>2020</v>
      </c>
      <c r="J4" s="2" t="s">
        <v>19</v>
      </c>
      <c r="K4" s="2"/>
      <c r="L4" s="2" t="s">
        <v>24</v>
      </c>
    </row>
    <row r="5" spans="1:12" ht="15.2" customHeight="1">
      <c r="A5" s="2" t="s">
        <v>13</v>
      </c>
      <c r="B5" s="2" t="s">
        <v>25</v>
      </c>
      <c r="C5" s="2"/>
      <c r="D5" s="2" t="s">
        <v>26</v>
      </c>
      <c r="E5" s="2" t="s">
        <v>27</v>
      </c>
      <c r="F5" s="2" t="s">
        <v>28</v>
      </c>
      <c r="G5" s="3">
        <v>3</v>
      </c>
      <c r="H5" s="2" t="s">
        <v>18</v>
      </c>
      <c r="I5" s="3">
        <v>2020</v>
      </c>
      <c r="J5" s="2" t="s">
        <v>29</v>
      </c>
      <c r="K5" s="2"/>
      <c r="L5" s="2" t="s">
        <v>30</v>
      </c>
    </row>
    <row r="6" spans="1:12" ht="15.2" customHeight="1">
      <c r="A6" s="2" t="s">
        <v>13</v>
      </c>
      <c r="B6" s="2" t="s">
        <v>31</v>
      </c>
      <c r="C6" s="2"/>
      <c r="D6" s="2" t="s">
        <v>32</v>
      </c>
      <c r="E6" s="2" t="s">
        <v>27</v>
      </c>
      <c r="F6" s="2" t="s">
        <v>33</v>
      </c>
      <c r="G6" s="3">
        <v>4</v>
      </c>
      <c r="H6" s="2" t="s">
        <v>18</v>
      </c>
      <c r="I6" s="3">
        <v>2020</v>
      </c>
      <c r="J6" s="2" t="s">
        <v>29</v>
      </c>
      <c r="K6" s="2"/>
      <c r="L6" s="2" t="s">
        <v>34</v>
      </c>
    </row>
    <row r="7" spans="1:12" ht="15.2" customHeight="1">
      <c r="A7" s="2" t="s">
        <v>13</v>
      </c>
      <c r="B7" s="2" t="s">
        <v>35</v>
      </c>
      <c r="C7" s="2" t="s">
        <v>36</v>
      </c>
      <c r="D7" s="2" t="s">
        <v>37</v>
      </c>
      <c r="E7" s="2" t="s">
        <v>27</v>
      </c>
      <c r="F7" s="2" t="s">
        <v>38</v>
      </c>
      <c r="G7" s="3">
        <v>3</v>
      </c>
      <c r="H7" s="2" t="s">
        <v>18</v>
      </c>
      <c r="I7" s="3">
        <v>2019</v>
      </c>
      <c r="J7" s="2" t="s">
        <v>29</v>
      </c>
      <c r="K7" s="2"/>
      <c r="L7" s="2" t="s">
        <v>39</v>
      </c>
    </row>
    <row r="8" spans="1:12" ht="15.2" customHeight="1">
      <c r="A8" s="2" t="s">
        <v>13</v>
      </c>
      <c r="B8" s="2" t="s">
        <v>40</v>
      </c>
      <c r="C8" s="2" t="s">
        <v>41</v>
      </c>
      <c r="D8" s="2" t="s">
        <v>42</v>
      </c>
      <c r="E8" s="2" t="s">
        <v>43</v>
      </c>
      <c r="F8" s="2" t="s">
        <v>44</v>
      </c>
      <c r="G8" s="3">
        <v>1</v>
      </c>
      <c r="H8" s="2" t="s">
        <v>45</v>
      </c>
      <c r="I8" s="3">
        <v>2011</v>
      </c>
      <c r="J8" s="2" t="s">
        <v>29</v>
      </c>
      <c r="K8" s="2"/>
      <c r="L8" s="2" t="s">
        <v>46</v>
      </c>
    </row>
    <row r="9" spans="1:12" ht="15.2" customHeight="1">
      <c r="A9" s="2" t="s">
        <v>13</v>
      </c>
      <c r="B9" s="2" t="s">
        <v>47</v>
      </c>
      <c r="C9" s="2" t="s">
        <v>48</v>
      </c>
      <c r="D9" s="2" t="s">
        <v>49</v>
      </c>
      <c r="E9" s="2" t="s">
        <v>43</v>
      </c>
      <c r="F9" s="2" t="s">
        <v>50</v>
      </c>
      <c r="G9" s="3">
        <v>2</v>
      </c>
      <c r="H9" s="2" t="s">
        <v>45</v>
      </c>
      <c r="I9" s="3">
        <v>2011</v>
      </c>
      <c r="J9" s="2" t="s">
        <v>29</v>
      </c>
      <c r="K9" s="2"/>
      <c r="L9" s="2" t="s">
        <v>51</v>
      </c>
    </row>
    <row r="10" spans="1:12" ht="15.2" customHeight="1">
      <c r="A10" s="2" t="s">
        <v>13</v>
      </c>
      <c r="B10" s="2" t="s">
        <v>52</v>
      </c>
      <c r="C10" s="2" t="s">
        <v>53</v>
      </c>
      <c r="D10" s="2" t="s">
        <v>54</v>
      </c>
      <c r="E10" s="2" t="s">
        <v>43</v>
      </c>
      <c r="F10" s="2" t="s">
        <v>55</v>
      </c>
      <c r="G10" s="3">
        <v>3</v>
      </c>
      <c r="H10" s="2" t="s">
        <v>45</v>
      </c>
      <c r="I10" s="3">
        <v>2011</v>
      </c>
      <c r="J10" s="2" t="s">
        <v>29</v>
      </c>
      <c r="K10" s="2"/>
      <c r="L10" s="2" t="s">
        <v>56</v>
      </c>
    </row>
    <row r="11" spans="1:12" ht="15.2" customHeight="1">
      <c r="A11" s="2" t="s">
        <v>13</v>
      </c>
      <c r="B11" s="2" t="s">
        <v>57</v>
      </c>
      <c r="C11" s="2" t="s">
        <v>58</v>
      </c>
      <c r="D11" s="2" t="s">
        <v>59</v>
      </c>
      <c r="E11" s="2" t="s">
        <v>43</v>
      </c>
      <c r="F11" s="2" t="s">
        <v>60</v>
      </c>
      <c r="G11" s="3">
        <v>1</v>
      </c>
      <c r="H11" s="2" t="s">
        <v>45</v>
      </c>
      <c r="I11" s="3">
        <v>2013</v>
      </c>
      <c r="J11" s="2" t="s">
        <v>29</v>
      </c>
      <c r="K11" s="2"/>
      <c r="L11" s="2" t="s">
        <v>61</v>
      </c>
    </row>
    <row r="12" spans="1:12" ht="15.2" customHeight="1">
      <c r="A12" s="2" t="s">
        <v>13</v>
      </c>
      <c r="B12" s="2" t="s">
        <v>62</v>
      </c>
      <c r="C12" s="2" t="s">
        <v>63</v>
      </c>
      <c r="D12" s="2" t="s">
        <v>64</v>
      </c>
      <c r="E12" s="2" t="s">
        <v>65</v>
      </c>
      <c r="F12" s="2" t="s">
        <v>66</v>
      </c>
      <c r="G12" s="3">
        <v>5</v>
      </c>
      <c r="H12" s="2" t="s">
        <v>67</v>
      </c>
      <c r="I12" s="3">
        <v>2018</v>
      </c>
      <c r="J12" s="2" t="s">
        <v>29</v>
      </c>
      <c r="K12" s="2"/>
      <c r="L12" s="2" t="s">
        <v>68</v>
      </c>
    </row>
    <row r="13" spans="1:12" ht="15.2" customHeight="1">
      <c r="A13" s="2" t="s">
        <v>13</v>
      </c>
      <c r="B13" s="2" t="s">
        <v>69</v>
      </c>
      <c r="C13" s="2" t="s">
        <v>70</v>
      </c>
      <c r="D13" s="2" t="s">
        <v>71</v>
      </c>
      <c r="E13" s="2" t="s">
        <v>72</v>
      </c>
      <c r="F13" s="2" t="s">
        <v>73</v>
      </c>
      <c r="G13" s="3">
        <v>1</v>
      </c>
      <c r="H13" s="2" t="s">
        <v>74</v>
      </c>
      <c r="I13" s="3">
        <v>2017</v>
      </c>
      <c r="J13" s="2" t="s">
        <v>29</v>
      </c>
      <c r="K13" s="2"/>
      <c r="L13" s="2" t="s">
        <v>75</v>
      </c>
    </row>
    <row r="14" spans="1:12" ht="15.2" customHeight="1">
      <c r="A14" s="2" t="s">
        <v>13</v>
      </c>
      <c r="B14" s="2" t="s">
        <v>76</v>
      </c>
      <c r="C14" s="2" t="s">
        <v>77</v>
      </c>
      <c r="D14" s="2" t="s">
        <v>78</v>
      </c>
      <c r="E14" s="2" t="s">
        <v>72</v>
      </c>
      <c r="F14" s="2" t="s">
        <v>79</v>
      </c>
      <c r="G14" s="3">
        <v>2</v>
      </c>
      <c r="H14" s="2" t="s">
        <v>74</v>
      </c>
      <c r="I14" s="3">
        <v>2017</v>
      </c>
      <c r="J14" s="2" t="s">
        <v>29</v>
      </c>
      <c r="K14" s="2"/>
      <c r="L14" s="2" t="s">
        <v>80</v>
      </c>
    </row>
    <row r="15" spans="1:12" ht="15.2" customHeight="1">
      <c r="A15" s="2" t="s">
        <v>13</v>
      </c>
      <c r="B15" s="2" t="s">
        <v>81</v>
      </c>
      <c r="C15" s="2" t="s">
        <v>82</v>
      </c>
      <c r="D15" s="2" t="s">
        <v>83</v>
      </c>
      <c r="E15" s="2" t="s">
        <v>84</v>
      </c>
      <c r="F15" s="2" t="s">
        <v>85</v>
      </c>
      <c r="G15" s="3">
        <v>1</v>
      </c>
      <c r="H15" s="2" t="s">
        <v>86</v>
      </c>
      <c r="I15" s="3">
        <v>2012</v>
      </c>
      <c r="J15" s="2" t="s">
        <v>29</v>
      </c>
      <c r="K15" s="2"/>
      <c r="L15" s="2" t="s">
        <v>87</v>
      </c>
    </row>
    <row r="16" spans="1:12" ht="15.2" customHeight="1">
      <c r="A16" s="2" t="s">
        <v>13</v>
      </c>
      <c r="B16" s="2" t="s">
        <v>88</v>
      </c>
      <c r="C16" s="2"/>
      <c r="D16" s="2" t="s">
        <v>89</v>
      </c>
      <c r="E16" s="2" t="s">
        <v>90</v>
      </c>
      <c r="F16" s="2" t="s">
        <v>91</v>
      </c>
      <c r="G16" s="3">
        <v>9</v>
      </c>
      <c r="H16" s="2" t="s">
        <v>45</v>
      </c>
      <c r="I16" s="3">
        <v>2021</v>
      </c>
      <c r="J16" s="2" t="s">
        <v>29</v>
      </c>
      <c r="K16" s="2"/>
      <c r="L16" s="2" t="s">
        <v>92</v>
      </c>
    </row>
    <row r="17" spans="1:12" ht="15.2" customHeight="1">
      <c r="A17" s="2" t="s">
        <v>13</v>
      </c>
      <c r="B17" s="2" t="s">
        <v>93</v>
      </c>
      <c r="C17" s="2"/>
      <c r="D17" s="2" t="s">
        <v>94</v>
      </c>
      <c r="E17" s="2" t="s">
        <v>90</v>
      </c>
      <c r="F17" s="2" t="s">
        <v>95</v>
      </c>
      <c r="G17" s="3">
        <v>10</v>
      </c>
      <c r="H17" s="2" t="s">
        <v>45</v>
      </c>
      <c r="I17" s="3">
        <v>2021</v>
      </c>
      <c r="J17" s="2" t="s">
        <v>29</v>
      </c>
      <c r="K17" s="2"/>
      <c r="L17" s="2" t="s">
        <v>96</v>
      </c>
    </row>
    <row r="18" spans="1:12" ht="15.2" customHeight="1">
      <c r="A18" s="2" t="s">
        <v>13</v>
      </c>
      <c r="B18" s="2" t="s">
        <v>97</v>
      </c>
      <c r="C18" s="2" t="s">
        <v>98</v>
      </c>
      <c r="D18" s="2" t="s">
        <v>99</v>
      </c>
      <c r="E18" s="2" t="s">
        <v>100</v>
      </c>
      <c r="F18" s="2" t="s">
        <v>101</v>
      </c>
      <c r="G18" s="3">
        <v>5</v>
      </c>
      <c r="H18" s="2" t="s">
        <v>74</v>
      </c>
      <c r="I18" s="3">
        <v>2018</v>
      </c>
      <c r="J18" s="2" t="s">
        <v>29</v>
      </c>
      <c r="K18" s="2"/>
      <c r="L18" s="2" t="s">
        <v>102</v>
      </c>
    </row>
    <row r="19" spans="1:12" ht="15.2" customHeight="1">
      <c r="A19" s="2" t="s">
        <v>13</v>
      </c>
      <c r="B19" s="2" t="s">
        <v>103</v>
      </c>
      <c r="C19" s="2" t="s">
        <v>104</v>
      </c>
      <c r="D19" s="2" t="s">
        <v>105</v>
      </c>
      <c r="E19" s="2" t="s">
        <v>100</v>
      </c>
      <c r="F19" s="2" t="s">
        <v>106</v>
      </c>
      <c r="G19" s="3">
        <v>6</v>
      </c>
      <c r="H19" s="2" t="s">
        <v>74</v>
      </c>
      <c r="I19" s="3">
        <v>2018</v>
      </c>
      <c r="J19" s="2" t="s">
        <v>29</v>
      </c>
      <c r="K19" s="2"/>
      <c r="L19" s="2" t="s">
        <v>107</v>
      </c>
    </row>
    <row r="20" spans="1:12" ht="15.2" customHeight="1">
      <c r="A20" s="2" t="s">
        <v>13</v>
      </c>
      <c r="B20" s="2" t="s">
        <v>108</v>
      </c>
      <c r="C20" s="2" t="s">
        <v>109</v>
      </c>
      <c r="D20" s="2" t="s">
        <v>110</v>
      </c>
      <c r="E20" s="2" t="s">
        <v>111</v>
      </c>
      <c r="F20" s="2" t="s">
        <v>112</v>
      </c>
      <c r="G20" s="3">
        <v>2</v>
      </c>
      <c r="H20" s="2" t="s">
        <v>74</v>
      </c>
      <c r="I20" s="3">
        <v>2019</v>
      </c>
      <c r="J20" s="2" t="s">
        <v>29</v>
      </c>
      <c r="K20" s="2"/>
      <c r="L20" s="2" t="s">
        <v>113</v>
      </c>
    </row>
    <row r="21" spans="1:12" ht="15.2" customHeight="1">
      <c r="A21" s="2" t="s">
        <v>13</v>
      </c>
      <c r="B21" s="2" t="s">
        <v>114</v>
      </c>
      <c r="C21" s="2" t="s">
        <v>115</v>
      </c>
      <c r="D21" s="2" t="s">
        <v>116</v>
      </c>
      <c r="E21" s="2" t="s">
        <v>117</v>
      </c>
      <c r="F21" s="2" t="s">
        <v>118</v>
      </c>
      <c r="G21" s="3">
        <v>1</v>
      </c>
      <c r="H21" s="2" t="s">
        <v>18</v>
      </c>
      <c r="I21" s="3">
        <v>2016</v>
      </c>
      <c r="J21" s="2" t="s">
        <v>29</v>
      </c>
      <c r="K21" s="2"/>
      <c r="L21" s="2" t="s">
        <v>119</v>
      </c>
    </row>
    <row r="22" spans="1:12" ht="15.2" customHeight="1">
      <c r="A22" s="2" t="s">
        <v>13</v>
      </c>
      <c r="B22" s="2" t="s">
        <v>120</v>
      </c>
      <c r="C22" s="2" t="s">
        <v>121</v>
      </c>
      <c r="D22" s="2" t="s">
        <v>122</v>
      </c>
      <c r="E22" s="2" t="s">
        <v>123</v>
      </c>
      <c r="F22" s="2" t="s">
        <v>124</v>
      </c>
      <c r="G22" s="3">
        <v>3</v>
      </c>
      <c r="H22" s="2" t="s">
        <v>125</v>
      </c>
      <c r="I22" s="3">
        <v>2019</v>
      </c>
      <c r="J22" s="2" t="s">
        <v>29</v>
      </c>
      <c r="K22" s="2"/>
      <c r="L22" s="2" t="s">
        <v>126</v>
      </c>
    </row>
    <row r="23" spans="1:12" ht="15.2" customHeight="1">
      <c r="A23" s="2" t="s">
        <v>13</v>
      </c>
      <c r="B23" s="2" t="s">
        <v>127</v>
      </c>
      <c r="C23" s="2" t="s">
        <v>128</v>
      </c>
      <c r="D23" s="2" t="s">
        <v>129</v>
      </c>
      <c r="E23" s="2" t="s">
        <v>111</v>
      </c>
      <c r="F23" s="2" t="s">
        <v>130</v>
      </c>
      <c r="G23" s="3">
        <v>1</v>
      </c>
      <c r="H23" s="2" t="s">
        <v>74</v>
      </c>
      <c r="I23" s="3">
        <v>2019</v>
      </c>
      <c r="J23" s="2" t="s">
        <v>29</v>
      </c>
      <c r="K23" s="2"/>
      <c r="L23" s="2" t="s">
        <v>131</v>
      </c>
    </row>
    <row r="24" spans="1:12" ht="15.2" customHeight="1">
      <c r="A24" s="2" t="s">
        <v>13</v>
      </c>
      <c r="B24" s="2" t="s">
        <v>132</v>
      </c>
      <c r="C24" s="2"/>
      <c r="D24" s="2" t="s">
        <v>15</v>
      </c>
      <c r="E24" s="2" t="s">
        <v>16</v>
      </c>
      <c r="F24" s="2" t="s">
        <v>17</v>
      </c>
      <c r="G24" s="3">
        <v>1</v>
      </c>
      <c r="H24" s="2" t="s">
        <v>18</v>
      </c>
      <c r="I24" s="3">
        <v>2020</v>
      </c>
      <c r="J24" s="2" t="s">
        <v>19</v>
      </c>
      <c r="K24" s="2"/>
      <c r="L24" s="2" t="s">
        <v>20</v>
      </c>
    </row>
    <row r="25" spans="1:12" ht="15.2" customHeight="1">
      <c r="A25" s="2" t="s">
        <v>13</v>
      </c>
      <c r="B25" s="2" t="s">
        <v>133</v>
      </c>
      <c r="C25" s="2"/>
      <c r="D25" s="2" t="s">
        <v>22</v>
      </c>
      <c r="E25" s="2" t="s">
        <v>16</v>
      </c>
      <c r="F25" s="2" t="s">
        <v>23</v>
      </c>
      <c r="G25" s="3">
        <v>2</v>
      </c>
      <c r="H25" s="2" t="s">
        <v>18</v>
      </c>
      <c r="I25" s="3">
        <v>2020</v>
      </c>
      <c r="J25" s="2" t="s">
        <v>19</v>
      </c>
      <c r="K25" s="2"/>
      <c r="L25" s="2" t="s">
        <v>24</v>
      </c>
    </row>
    <row r="26" spans="1:12" ht="15.2" customHeight="1">
      <c r="A26" s="2" t="s">
        <v>13</v>
      </c>
      <c r="B26" s="2" t="s">
        <v>134</v>
      </c>
      <c r="C26" s="2"/>
      <c r="D26" s="2" t="s">
        <v>135</v>
      </c>
      <c r="E26" s="2" t="s">
        <v>16</v>
      </c>
      <c r="F26" s="2" t="s">
        <v>136</v>
      </c>
      <c r="G26" s="3">
        <v>3</v>
      </c>
      <c r="H26" s="2" t="s">
        <v>18</v>
      </c>
      <c r="I26" s="3">
        <v>2020</v>
      </c>
      <c r="J26" s="2" t="s">
        <v>19</v>
      </c>
      <c r="K26" s="2"/>
      <c r="L26" s="2" t="s">
        <v>137</v>
      </c>
    </row>
    <row r="27" spans="1:12" ht="15.2" customHeight="1">
      <c r="A27" s="2" t="s">
        <v>13</v>
      </c>
      <c r="B27" s="2" t="s">
        <v>138</v>
      </c>
      <c r="C27" s="2" t="s">
        <v>139</v>
      </c>
      <c r="D27" s="2" t="s">
        <v>140</v>
      </c>
      <c r="E27" s="2" t="s">
        <v>141</v>
      </c>
      <c r="F27" s="2" t="s">
        <v>141</v>
      </c>
      <c r="G27" s="3">
        <v>1</v>
      </c>
      <c r="H27" s="2" t="s">
        <v>18</v>
      </c>
      <c r="I27" s="3">
        <v>2019</v>
      </c>
      <c r="J27" s="2" t="s">
        <v>29</v>
      </c>
      <c r="K27" s="2"/>
      <c r="L27" s="2" t="s">
        <v>142</v>
      </c>
    </row>
    <row r="28" spans="1:12" ht="15.2" customHeight="1">
      <c r="A28" s="2" t="s">
        <v>13</v>
      </c>
      <c r="B28" s="2" t="s">
        <v>143</v>
      </c>
      <c r="C28" s="2" t="s">
        <v>144</v>
      </c>
      <c r="D28" s="2" t="s">
        <v>145</v>
      </c>
      <c r="E28" s="2" t="s">
        <v>146</v>
      </c>
      <c r="F28" s="2" t="s">
        <v>147</v>
      </c>
      <c r="G28" s="3">
        <v>5</v>
      </c>
      <c r="H28" s="2" t="s">
        <v>148</v>
      </c>
      <c r="I28" s="3">
        <v>2019</v>
      </c>
      <c r="J28" s="2" t="s">
        <v>29</v>
      </c>
      <c r="K28" s="2"/>
      <c r="L28" s="2" t="s">
        <v>149</v>
      </c>
    </row>
    <row r="29" spans="1:12" ht="15.2" customHeight="1">
      <c r="A29" s="2" t="s">
        <v>13</v>
      </c>
      <c r="B29" s="2" t="s">
        <v>150</v>
      </c>
      <c r="C29" s="2"/>
      <c r="D29" s="2" t="s">
        <v>26</v>
      </c>
      <c r="E29" s="2" t="s">
        <v>27</v>
      </c>
      <c r="F29" s="2" t="s">
        <v>28</v>
      </c>
      <c r="G29" s="3">
        <v>3</v>
      </c>
      <c r="H29" s="2" t="s">
        <v>18</v>
      </c>
      <c r="I29" s="3">
        <v>2020</v>
      </c>
      <c r="J29" s="2" t="s">
        <v>29</v>
      </c>
      <c r="K29" s="2"/>
      <c r="L29" s="2" t="s">
        <v>30</v>
      </c>
    </row>
    <row r="30" spans="1:12" ht="15.2" customHeight="1">
      <c r="A30" s="2" t="s">
        <v>13</v>
      </c>
      <c r="B30" s="2" t="s">
        <v>151</v>
      </c>
      <c r="C30" s="2"/>
      <c r="D30" s="2" t="s">
        <v>32</v>
      </c>
      <c r="E30" s="2" t="s">
        <v>27</v>
      </c>
      <c r="F30" s="2" t="s">
        <v>33</v>
      </c>
      <c r="G30" s="3">
        <v>4</v>
      </c>
      <c r="H30" s="2" t="s">
        <v>18</v>
      </c>
      <c r="I30" s="3">
        <v>2020</v>
      </c>
      <c r="J30" s="2" t="s">
        <v>29</v>
      </c>
      <c r="K30" s="2"/>
      <c r="L30" s="2" t="s">
        <v>34</v>
      </c>
    </row>
    <row r="31" spans="1:12" ht="15.2" customHeight="1">
      <c r="A31" s="2" t="s">
        <v>13</v>
      </c>
      <c r="B31" s="2" t="s">
        <v>152</v>
      </c>
      <c r="C31" s="2" t="s">
        <v>36</v>
      </c>
      <c r="D31" s="2" t="s">
        <v>37</v>
      </c>
      <c r="E31" s="2" t="s">
        <v>27</v>
      </c>
      <c r="F31" s="2" t="s">
        <v>38</v>
      </c>
      <c r="G31" s="3">
        <v>3</v>
      </c>
      <c r="H31" s="2" t="s">
        <v>18</v>
      </c>
      <c r="I31" s="3">
        <v>2019</v>
      </c>
      <c r="J31" s="2" t="s">
        <v>29</v>
      </c>
      <c r="K31" s="2"/>
      <c r="L31" s="2" t="s">
        <v>39</v>
      </c>
    </row>
    <row r="32" spans="1:12" ht="15.2" customHeight="1">
      <c r="A32" s="2" t="s">
        <v>13</v>
      </c>
      <c r="B32" s="2" t="s">
        <v>153</v>
      </c>
      <c r="C32" s="2" t="s">
        <v>109</v>
      </c>
      <c r="D32" s="2" t="s">
        <v>110</v>
      </c>
      <c r="E32" s="2" t="s">
        <v>111</v>
      </c>
      <c r="F32" s="2" t="s">
        <v>112</v>
      </c>
      <c r="G32" s="3">
        <v>2</v>
      </c>
      <c r="H32" s="2" t="s">
        <v>74</v>
      </c>
      <c r="I32" s="3">
        <v>2019</v>
      </c>
      <c r="J32" s="2" t="s">
        <v>29</v>
      </c>
      <c r="K32" s="2"/>
      <c r="L32" s="2" t="s">
        <v>113</v>
      </c>
    </row>
    <row r="33" spans="1:12" ht="15.2" customHeight="1">
      <c r="A33" s="2" t="s">
        <v>154</v>
      </c>
      <c r="B33" s="2" t="s">
        <v>14</v>
      </c>
      <c r="C33" s="2"/>
      <c r="D33" s="2" t="s">
        <v>135</v>
      </c>
      <c r="E33" s="2" t="s">
        <v>16</v>
      </c>
      <c r="F33" s="2" t="s">
        <v>136</v>
      </c>
      <c r="G33" s="3">
        <v>3</v>
      </c>
      <c r="H33" s="2" t="s">
        <v>18</v>
      </c>
      <c r="I33" s="3">
        <v>2020</v>
      </c>
      <c r="J33" s="2" t="s">
        <v>19</v>
      </c>
      <c r="K33" s="2"/>
      <c r="L33" s="2" t="s">
        <v>137</v>
      </c>
    </row>
    <row r="34" spans="1:12" ht="15.2" customHeight="1">
      <c r="A34" s="2" t="s">
        <v>154</v>
      </c>
      <c r="B34" s="2" t="s">
        <v>21</v>
      </c>
      <c r="C34" s="2" t="s">
        <v>139</v>
      </c>
      <c r="D34" s="2" t="s">
        <v>140</v>
      </c>
      <c r="E34" s="2" t="s">
        <v>141</v>
      </c>
      <c r="F34" s="2" t="s">
        <v>141</v>
      </c>
      <c r="G34" s="3">
        <v>1</v>
      </c>
      <c r="H34" s="2" t="s">
        <v>18</v>
      </c>
      <c r="I34" s="3">
        <v>2019</v>
      </c>
      <c r="J34" s="2" t="s">
        <v>29</v>
      </c>
      <c r="K34" s="2"/>
      <c r="L34" s="2" t="s">
        <v>142</v>
      </c>
    </row>
    <row r="35" spans="1:12" ht="15.2" customHeight="1">
      <c r="A35" s="2" t="s">
        <v>154</v>
      </c>
      <c r="B35" s="2" t="s">
        <v>25</v>
      </c>
      <c r="C35" s="2" t="s">
        <v>155</v>
      </c>
      <c r="D35" s="2" t="s">
        <v>156</v>
      </c>
      <c r="E35" s="2" t="s">
        <v>157</v>
      </c>
      <c r="F35" s="2" t="s">
        <v>158</v>
      </c>
      <c r="G35" s="3">
        <v>6</v>
      </c>
      <c r="H35" s="2" t="s">
        <v>74</v>
      </c>
      <c r="I35" s="3">
        <v>2017</v>
      </c>
      <c r="J35" s="2" t="s">
        <v>29</v>
      </c>
      <c r="K35" s="2"/>
      <c r="L35" s="2" t="s">
        <v>159</v>
      </c>
    </row>
    <row r="36" spans="1:12" ht="15.2" customHeight="1">
      <c r="A36" s="2" t="s">
        <v>154</v>
      </c>
      <c r="B36" s="2" t="s">
        <v>31</v>
      </c>
      <c r="C36" s="2" t="s">
        <v>160</v>
      </c>
      <c r="D36" s="2" t="s">
        <v>161</v>
      </c>
      <c r="E36" s="2" t="s">
        <v>157</v>
      </c>
      <c r="F36" s="2" t="s">
        <v>162</v>
      </c>
      <c r="G36" s="3">
        <v>7</v>
      </c>
      <c r="H36" s="2" t="s">
        <v>74</v>
      </c>
      <c r="I36" s="3">
        <v>2017</v>
      </c>
      <c r="J36" s="2" t="s">
        <v>29</v>
      </c>
      <c r="K36" s="2"/>
      <c r="L36" s="2" t="s">
        <v>163</v>
      </c>
    </row>
    <row r="37" spans="1:12" ht="15.2" customHeight="1">
      <c r="A37" s="2" t="s">
        <v>154</v>
      </c>
      <c r="B37" s="2" t="s">
        <v>35</v>
      </c>
      <c r="C37" s="2" t="s">
        <v>164</v>
      </c>
      <c r="D37" s="2" t="s">
        <v>165</v>
      </c>
      <c r="E37" s="2" t="s">
        <v>157</v>
      </c>
      <c r="F37" s="2" t="s">
        <v>166</v>
      </c>
      <c r="G37" s="3">
        <v>8</v>
      </c>
      <c r="H37" s="2" t="s">
        <v>74</v>
      </c>
      <c r="I37" s="3">
        <v>2017</v>
      </c>
      <c r="J37" s="2" t="s">
        <v>29</v>
      </c>
      <c r="K37" s="2"/>
      <c r="L37" s="2" t="s">
        <v>167</v>
      </c>
    </row>
    <row r="38" spans="1:12" ht="15.2" customHeight="1">
      <c r="A38" s="2" t="s">
        <v>154</v>
      </c>
      <c r="B38" s="2" t="s">
        <v>40</v>
      </c>
      <c r="C38" s="2"/>
      <c r="D38" s="2" t="s">
        <v>168</v>
      </c>
      <c r="E38" s="2" t="s">
        <v>157</v>
      </c>
      <c r="F38" s="2" t="s">
        <v>169</v>
      </c>
      <c r="G38" s="3">
        <v>16</v>
      </c>
      <c r="H38" s="2" t="s">
        <v>74</v>
      </c>
      <c r="I38" s="3">
        <v>2019</v>
      </c>
      <c r="J38" s="2" t="s">
        <v>29</v>
      </c>
      <c r="K38" s="2"/>
      <c r="L38" s="2" t="s">
        <v>170</v>
      </c>
    </row>
    <row r="39" spans="1:12" ht="15.2" customHeight="1">
      <c r="A39" s="2" t="s">
        <v>154</v>
      </c>
      <c r="B39" s="2" t="s">
        <v>47</v>
      </c>
      <c r="C39" s="2" t="s">
        <v>171</v>
      </c>
      <c r="D39" s="2" t="s">
        <v>172</v>
      </c>
      <c r="E39" s="2" t="s">
        <v>173</v>
      </c>
      <c r="F39" s="2" t="s">
        <v>174</v>
      </c>
      <c r="G39" s="3">
        <v>1</v>
      </c>
      <c r="H39" s="2" t="s">
        <v>18</v>
      </c>
      <c r="I39" s="3">
        <v>2015</v>
      </c>
      <c r="J39" s="2" t="s">
        <v>175</v>
      </c>
      <c r="K39" s="2"/>
      <c r="L39" s="2" t="s">
        <v>176</v>
      </c>
    </row>
    <row r="40" spans="1:12" ht="15.2" customHeight="1">
      <c r="A40" s="2" t="s">
        <v>154</v>
      </c>
      <c r="B40" s="2" t="s">
        <v>52</v>
      </c>
      <c r="C40" s="2" t="s">
        <v>177</v>
      </c>
      <c r="D40" s="2" t="s">
        <v>178</v>
      </c>
      <c r="E40" s="2" t="s">
        <v>173</v>
      </c>
      <c r="F40" s="2" t="s">
        <v>179</v>
      </c>
      <c r="G40" s="3">
        <v>2</v>
      </c>
      <c r="H40" s="2" t="s">
        <v>18</v>
      </c>
      <c r="I40" s="3">
        <v>2015</v>
      </c>
      <c r="J40" s="2" t="s">
        <v>175</v>
      </c>
      <c r="K40" s="2"/>
      <c r="L40" s="2" t="s">
        <v>180</v>
      </c>
    </row>
    <row r="41" spans="1:12" ht="15.2" customHeight="1">
      <c r="A41" s="2" t="s">
        <v>154</v>
      </c>
      <c r="B41" s="2" t="s">
        <v>57</v>
      </c>
      <c r="C41" s="2" t="s">
        <v>181</v>
      </c>
      <c r="D41" s="2" t="s">
        <v>182</v>
      </c>
      <c r="E41" s="2" t="s">
        <v>173</v>
      </c>
      <c r="F41" s="2" t="s">
        <v>183</v>
      </c>
      <c r="G41" s="3">
        <v>3</v>
      </c>
      <c r="H41" s="2" t="s">
        <v>18</v>
      </c>
      <c r="I41" s="3">
        <v>2015</v>
      </c>
      <c r="J41" s="2" t="s">
        <v>175</v>
      </c>
      <c r="K41" s="2"/>
      <c r="L41" s="2" t="s">
        <v>184</v>
      </c>
    </row>
    <row r="42" spans="1:12" ht="15.2" customHeight="1">
      <c r="A42" s="2" t="s">
        <v>154</v>
      </c>
      <c r="B42" s="2" t="s">
        <v>185</v>
      </c>
      <c r="C42" s="2" t="s">
        <v>144</v>
      </c>
      <c r="D42" s="2" t="s">
        <v>145</v>
      </c>
      <c r="E42" s="2" t="s">
        <v>146</v>
      </c>
      <c r="F42" s="2" t="s">
        <v>147</v>
      </c>
      <c r="G42" s="3">
        <v>5</v>
      </c>
      <c r="H42" s="2" t="s">
        <v>148</v>
      </c>
      <c r="I42" s="3">
        <v>2019</v>
      </c>
      <c r="J42" s="2" t="s">
        <v>29</v>
      </c>
      <c r="K42" s="2"/>
      <c r="L42" s="2" t="s">
        <v>149</v>
      </c>
    </row>
    <row r="43" spans="1:12" ht="15.2" customHeight="1">
      <c r="A43" s="2" t="s">
        <v>154</v>
      </c>
      <c r="B43" s="2" t="s">
        <v>69</v>
      </c>
      <c r="C43" s="2"/>
      <c r="D43" s="2" t="s">
        <v>89</v>
      </c>
      <c r="E43" s="2" t="s">
        <v>90</v>
      </c>
      <c r="F43" s="2" t="s">
        <v>91</v>
      </c>
      <c r="G43" s="3">
        <v>9</v>
      </c>
      <c r="H43" s="2" t="s">
        <v>45</v>
      </c>
      <c r="I43" s="3">
        <v>2021</v>
      </c>
      <c r="J43" s="2" t="s">
        <v>29</v>
      </c>
      <c r="K43" s="2"/>
      <c r="L43" s="2" t="s">
        <v>92</v>
      </c>
    </row>
    <row r="44" spans="1:12" ht="15.2" customHeight="1">
      <c r="A44" s="2" t="s">
        <v>154</v>
      </c>
      <c r="B44" s="2" t="s">
        <v>76</v>
      </c>
      <c r="C44" s="2"/>
      <c r="D44" s="2" t="s">
        <v>94</v>
      </c>
      <c r="E44" s="2" t="s">
        <v>90</v>
      </c>
      <c r="F44" s="2" t="s">
        <v>95</v>
      </c>
      <c r="G44" s="3">
        <v>10</v>
      </c>
      <c r="H44" s="2" t="s">
        <v>45</v>
      </c>
      <c r="I44" s="3">
        <v>2021</v>
      </c>
      <c r="J44" s="2" t="s">
        <v>29</v>
      </c>
      <c r="K44" s="2"/>
      <c r="L44" s="2" t="s">
        <v>96</v>
      </c>
    </row>
    <row r="45" spans="1:12" ht="15.2" customHeight="1">
      <c r="A45" s="2" t="s">
        <v>154</v>
      </c>
      <c r="B45" s="2" t="s">
        <v>81</v>
      </c>
      <c r="C45" s="2" t="s">
        <v>98</v>
      </c>
      <c r="D45" s="2" t="s">
        <v>99</v>
      </c>
      <c r="E45" s="2" t="s">
        <v>100</v>
      </c>
      <c r="F45" s="2" t="s">
        <v>101</v>
      </c>
      <c r="G45" s="3">
        <v>5</v>
      </c>
      <c r="H45" s="2" t="s">
        <v>74</v>
      </c>
      <c r="I45" s="3">
        <v>2018</v>
      </c>
      <c r="J45" s="2" t="s">
        <v>29</v>
      </c>
      <c r="K45" s="2"/>
      <c r="L45" s="2" t="s">
        <v>102</v>
      </c>
    </row>
    <row r="46" spans="1:12" ht="15.2" customHeight="1">
      <c r="A46" s="2" t="s">
        <v>154</v>
      </c>
      <c r="B46" s="2" t="s">
        <v>88</v>
      </c>
      <c r="C46" s="2" t="s">
        <v>109</v>
      </c>
      <c r="D46" s="2" t="s">
        <v>110</v>
      </c>
      <c r="E46" s="2" t="s">
        <v>111</v>
      </c>
      <c r="F46" s="2" t="s">
        <v>112</v>
      </c>
      <c r="G46" s="3">
        <v>2</v>
      </c>
      <c r="H46" s="2" t="s">
        <v>74</v>
      </c>
      <c r="I46" s="3">
        <v>2019</v>
      </c>
      <c r="J46" s="2" t="s">
        <v>29</v>
      </c>
      <c r="K46" s="2"/>
      <c r="L46" s="2" t="s">
        <v>113</v>
      </c>
    </row>
    <row r="47" spans="1:12" ht="15.2" customHeight="1">
      <c r="A47" s="2" t="s">
        <v>154</v>
      </c>
      <c r="B47" s="2" t="s">
        <v>93</v>
      </c>
      <c r="C47" s="2" t="s">
        <v>115</v>
      </c>
      <c r="D47" s="2" t="s">
        <v>116</v>
      </c>
      <c r="E47" s="2" t="s">
        <v>117</v>
      </c>
      <c r="F47" s="2" t="s">
        <v>118</v>
      </c>
      <c r="G47" s="3">
        <v>1</v>
      </c>
      <c r="H47" s="2" t="s">
        <v>18</v>
      </c>
      <c r="I47" s="3">
        <v>2016</v>
      </c>
      <c r="J47" s="2" t="s">
        <v>29</v>
      </c>
      <c r="K47" s="2"/>
      <c r="L47" s="2" t="s">
        <v>119</v>
      </c>
    </row>
    <row r="48" spans="1:12" ht="15.2" customHeight="1">
      <c r="A48" s="2" t="s">
        <v>154</v>
      </c>
      <c r="B48" s="2" t="s">
        <v>97</v>
      </c>
      <c r="C48" s="2" t="s">
        <v>70</v>
      </c>
      <c r="D48" s="2" t="s">
        <v>71</v>
      </c>
      <c r="E48" s="2" t="s">
        <v>72</v>
      </c>
      <c r="F48" s="2" t="s">
        <v>73</v>
      </c>
      <c r="G48" s="3">
        <v>1</v>
      </c>
      <c r="H48" s="2" t="s">
        <v>74</v>
      </c>
      <c r="I48" s="3">
        <v>2017</v>
      </c>
      <c r="J48" s="2" t="s">
        <v>29</v>
      </c>
      <c r="K48" s="2"/>
      <c r="L48" s="2" t="s">
        <v>75</v>
      </c>
    </row>
    <row r="49" spans="1:12" ht="15.2" customHeight="1">
      <c r="A49" s="2" t="s">
        <v>154</v>
      </c>
      <c r="B49" s="2" t="s">
        <v>103</v>
      </c>
      <c r="C49" s="2" t="s">
        <v>77</v>
      </c>
      <c r="D49" s="2" t="s">
        <v>78</v>
      </c>
      <c r="E49" s="2" t="s">
        <v>72</v>
      </c>
      <c r="F49" s="2" t="s">
        <v>79</v>
      </c>
      <c r="G49" s="3">
        <v>2</v>
      </c>
      <c r="H49" s="2" t="s">
        <v>74</v>
      </c>
      <c r="I49" s="3">
        <v>2017</v>
      </c>
      <c r="J49" s="2" t="s">
        <v>29</v>
      </c>
      <c r="K49" s="2"/>
      <c r="L49" s="2" t="s">
        <v>80</v>
      </c>
    </row>
    <row r="50" spans="1:12" ht="15.2" customHeight="1">
      <c r="A50" s="2" t="s">
        <v>154</v>
      </c>
      <c r="B50" s="2" t="s">
        <v>108</v>
      </c>
      <c r="C50" s="2" t="s">
        <v>186</v>
      </c>
      <c r="D50" s="2" t="s">
        <v>187</v>
      </c>
      <c r="E50" s="2" t="s">
        <v>100</v>
      </c>
      <c r="F50" s="2" t="s">
        <v>188</v>
      </c>
      <c r="G50" s="3">
        <v>17</v>
      </c>
      <c r="H50" s="2" t="s">
        <v>189</v>
      </c>
      <c r="I50" s="3">
        <v>2016</v>
      </c>
      <c r="J50" s="2" t="s">
        <v>29</v>
      </c>
      <c r="K50" s="2"/>
      <c r="L50" s="2" t="s">
        <v>190</v>
      </c>
    </row>
    <row r="51" spans="1:12" ht="15.2" customHeight="1">
      <c r="A51" s="2" t="s">
        <v>154</v>
      </c>
      <c r="B51" s="2" t="s">
        <v>114</v>
      </c>
      <c r="C51" s="2" t="s">
        <v>191</v>
      </c>
      <c r="D51" s="2" t="s">
        <v>192</v>
      </c>
      <c r="E51" s="2" t="s">
        <v>100</v>
      </c>
      <c r="F51" s="2" t="s">
        <v>193</v>
      </c>
      <c r="G51" s="3">
        <v>18</v>
      </c>
      <c r="H51" s="2" t="s">
        <v>189</v>
      </c>
      <c r="I51" s="3">
        <v>2016</v>
      </c>
      <c r="J51" s="2" t="s">
        <v>29</v>
      </c>
      <c r="K51" s="2"/>
      <c r="L51" s="2" t="s">
        <v>194</v>
      </c>
    </row>
    <row r="52" spans="1:12" ht="15.2" customHeight="1">
      <c r="A52" s="2" t="s">
        <v>154</v>
      </c>
      <c r="B52" s="2" t="s">
        <v>195</v>
      </c>
      <c r="C52" s="2"/>
      <c r="D52" s="2" t="s">
        <v>89</v>
      </c>
      <c r="E52" s="2" t="s">
        <v>90</v>
      </c>
      <c r="F52" s="2" t="s">
        <v>91</v>
      </c>
      <c r="G52" s="3">
        <v>9</v>
      </c>
      <c r="H52" s="2" t="s">
        <v>45</v>
      </c>
      <c r="I52" s="3">
        <v>2021</v>
      </c>
      <c r="J52" s="2" t="s">
        <v>29</v>
      </c>
      <c r="K52" s="2"/>
      <c r="L52" s="2" t="s">
        <v>92</v>
      </c>
    </row>
    <row r="53" spans="1:12" ht="15.2" customHeight="1">
      <c r="A53" s="2" t="s">
        <v>154</v>
      </c>
      <c r="B53" s="2" t="s">
        <v>127</v>
      </c>
      <c r="C53" s="2"/>
      <c r="D53" s="2" t="s">
        <v>94</v>
      </c>
      <c r="E53" s="2" t="s">
        <v>90</v>
      </c>
      <c r="F53" s="2" t="s">
        <v>95</v>
      </c>
      <c r="G53" s="3">
        <v>10</v>
      </c>
      <c r="H53" s="2" t="s">
        <v>45</v>
      </c>
      <c r="I53" s="3">
        <v>2021</v>
      </c>
      <c r="J53" s="2" t="s">
        <v>29</v>
      </c>
      <c r="K53" s="2"/>
      <c r="L53" s="2" t="s">
        <v>96</v>
      </c>
    </row>
    <row r="54" spans="1:12" ht="15.2" customHeight="1">
      <c r="A54" s="2" t="s">
        <v>154</v>
      </c>
      <c r="B54" s="2" t="s">
        <v>196</v>
      </c>
      <c r="C54" s="2" t="s">
        <v>98</v>
      </c>
      <c r="D54" s="2" t="s">
        <v>99</v>
      </c>
      <c r="E54" s="2" t="s">
        <v>100</v>
      </c>
      <c r="F54" s="2" t="s">
        <v>101</v>
      </c>
      <c r="G54" s="3">
        <v>5</v>
      </c>
      <c r="H54" s="2" t="s">
        <v>74</v>
      </c>
      <c r="I54" s="3">
        <v>2018</v>
      </c>
      <c r="J54" s="2" t="s">
        <v>29</v>
      </c>
      <c r="K54" s="2"/>
      <c r="L54" s="2" t="s">
        <v>102</v>
      </c>
    </row>
    <row r="55" spans="1:12" ht="15.2" customHeight="1">
      <c r="A55" s="2" t="s">
        <v>154</v>
      </c>
      <c r="B55" s="2" t="s">
        <v>133</v>
      </c>
      <c r="C55" s="2" t="s">
        <v>41</v>
      </c>
      <c r="D55" s="2" t="s">
        <v>42</v>
      </c>
      <c r="E55" s="2" t="s">
        <v>43</v>
      </c>
      <c r="F55" s="2" t="s">
        <v>44</v>
      </c>
      <c r="G55" s="3">
        <v>1</v>
      </c>
      <c r="H55" s="2" t="s">
        <v>45</v>
      </c>
      <c r="I55" s="3">
        <v>2011</v>
      </c>
      <c r="J55" s="2" t="s">
        <v>29</v>
      </c>
      <c r="K55" s="2"/>
      <c r="L55" s="2" t="s">
        <v>46</v>
      </c>
    </row>
    <row r="56" spans="1:12" ht="15.2" customHeight="1">
      <c r="A56" s="2" t="s">
        <v>154</v>
      </c>
      <c r="B56" s="2" t="s">
        <v>134</v>
      </c>
      <c r="C56" s="2" t="s">
        <v>48</v>
      </c>
      <c r="D56" s="2" t="s">
        <v>49</v>
      </c>
      <c r="E56" s="2" t="s">
        <v>43</v>
      </c>
      <c r="F56" s="2" t="s">
        <v>50</v>
      </c>
      <c r="G56" s="3">
        <v>2</v>
      </c>
      <c r="H56" s="2" t="s">
        <v>45</v>
      </c>
      <c r="I56" s="3">
        <v>2011</v>
      </c>
      <c r="J56" s="2" t="s">
        <v>29</v>
      </c>
      <c r="K56" s="2"/>
      <c r="L56" s="2" t="s">
        <v>51</v>
      </c>
    </row>
    <row r="57" spans="1:12" ht="15.2" customHeight="1">
      <c r="A57" s="2" t="s">
        <v>154</v>
      </c>
      <c r="B57" s="2" t="s">
        <v>138</v>
      </c>
      <c r="C57" s="2" t="s">
        <v>53</v>
      </c>
      <c r="D57" s="2" t="s">
        <v>54</v>
      </c>
      <c r="E57" s="2" t="s">
        <v>43</v>
      </c>
      <c r="F57" s="2" t="s">
        <v>55</v>
      </c>
      <c r="G57" s="3">
        <v>3</v>
      </c>
      <c r="H57" s="2" t="s">
        <v>45</v>
      </c>
      <c r="I57" s="3">
        <v>2011</v>
      </c>
      <c r="J57" s="2" t="s">
        <v>29</v>
      </c>
      <c r="K57" s="2"/>
      <c r="L57" s="2" t="s">
        <v>56</v>
      </c>
    </row>
    <row r="58" spans="1:12" ht="15.2" customHeight="1">
      <c r="A58" s="2" t="s">
        <v>154</v>
      </c>
      <c r="B58" s="2" t="s">
        <v>143</v>
      </c>
      <c r="C58" s="2" t="s">
        <v>58</v>
      </c>
      <c r="D58" s="2" t="s">
        <v>59</v>
      </c>
      <c r="E58" s="2" t="s">
        <v>43</v>
      </c>
      <c r="F58" s="2" t="s">
        <v>60</v>
      </c>
      <c r="G58" s="3">
        <v>1</v>
      </c>
      <c r="H58" s="2" t="s">
        <v>45</v>
      </c>
      <c r="I58" s="3">
        <v>2013</v>
      </c>
      <c r="J58" s="2" t="s">
        <v>29</v>
      </c>
      <c r="K58" s="2"/>
      <c r="L58" s="2" t="s">
        <v>61</v>
      </c>
    </row>
    <row r="59" spans="1:12" ht="15.2" customHeight="1">
      <c r="A59" s="2" t="s">
        <v>154</v>
      </c>
      <c r="B59" s="2" t="s">
        <v>197</v>
      </c>
      <c r="C59" s="2" t="s">
        <v>63</v>
      </c>
      <c r="D59" s="2" t="s">
        <v>64</v>
      </c>
      <c r="E59" s="2" t="s">
        <v>65</v>
      </c>
      <c r="F59" s="2" t="s">
        <v>66</v>
      </c>
      <c r="G59" s="3">
        <v>5</v>
      </c>
      <c r="H59" s="2" t="s">
        <v>67</v>
      </c>
      <c r="I59" s="3">
        <v>2018</v>
      </c>
      <c r="J59" s="2" t="s">
        <v>29</v>
      </c>
      <c r="K59" s="2"/>
      <c r="L59" s="2" t="s">
        <v>68</v>
      </c>
    </row>
    <row r="60" spans="1:12" ht="15.2" customHeight="1">
      <c r="A60" s="2" t="s">
        <v>154</v>
      </c>
      <c r="B60" s="2" t="s">
        <v>151</v>
      </c>
      <c r="C60" s="2" t="s">
        <v>155</v>
      </c>
      <c r="D60" s="2" t="s">
        <v>156</v>
      </c>
      <c r="E60" s="2" t="s">
        <v>157</v>
      </c>
      <c r="F60" s="2" t="s">
        <v>158</v>
      </c>
      <c r="G60" s="3">
        <v>6</v>
      </c>
      <c r="H60" s="2" t="s">
        <v>74</v>
      </c>
      <c r="I60" s="3">
        <v>2017</v>
      </c>
      <c r="J60" s="2" t="s">
        <v>29</v>
      </c>
      <c r="K60" s="2"/>
      <c r="L60" s="2" t="s">
        <v>159</v>
      </c>
    </row>
    <row r="61" spans="1:12" ht="15.2" customHeight="1">
      <c r="A61" s="2" t="s">
        <v>154</v>
      </c>
      <c r="B61" s="2" t="s">
        <v>152</v>
      </c>
      <c r="C61" s="2" t="s">
        <v>160</v>
      </c>
      <c r="D61" s="2" t="s">
        <v>161</v>
      </c>
      <c r="E61" s="2" t="s">
        <v>157</v>
      </c>
      <c r="F61" s="2" t="s">
        <v>162</v>
      </c>
      <c r="G61" s="3">
        <v>7</v>
      </c>
      <c r="H61" s="2" t="s">
        <v>74</v>
      </c>
      <c r="I61" s="3">
        <v>2017</v>
      </c>
      <c r="J61" s="2" t="s">
        <v>29</v>
      </c>
      <c r="K61" s="2"/>
      <c r="L61" s="2" t="s">
        <v>163</v>
      </c>
    </row>
    <row r="62" spans="1:12" ht="15.2" customHeight="1">
      <c r="A62" s="2" t="s">
        <v>154</v>
      </c>
      <c r="B62" s="2" t="s">
        <v>153</v>
      </c>
      <c r="C62" s="2" t="s">
        <v>186</v>
      </c>
      <c r="D62" s="2" t="s">
        <v>187</v>
      </c>
      <c r="E62" s="2" t="s">
        <v>100</v>
      </c>
      <c r="F62" s="2" t="s">
        <v>188</v>
      </c>
      <c r="G62" s="3">
        <v>17</v>
      </c>
      <c r="H62" s="2" t="s">
        <v>189</v>
      </c>
      <c r="I62" s="3">
        <v>2016</v>
      </c>
      <c r="J62" s="2" t="s">
        <v>29</v>
      </c>
      <c r="K62" s="2"/>
      <c r="L62" s="2" t="s">
        <v>190</v>
      </c>
    </row>
    <row r="63" spans="1:12" ht="15.2" customHeight="1">
      <c r="A63" s="2" t="s">
        <v>198</v>
      </c>
      <c r="B63" s="2" t="s">
        <v>14</v>
      </c>
      <c r="C63" s="2"/>
      <c r="D63" s="2" t="s">
        <v>199</v>
      </c>
      <c r="E63" s="2" t="s">
        <v>200</v>
      </c>
      <c r="F63" s="2" t="s">
        <v>201</v>
      </c>
      <c r="G63" s="3">
        <v>1</v>
      </c>
      <c r="H63" s="2" t="s">
        <v>18</v>
      </c>
      <c r="I63" s="3">
        <v>2020</v>
      </c>
      <c r="J63" s="2" t="s">
        <v>202</v>
      </c>
      <c r="K63" s="2"/>
      <c r="L63" s="2" t="s">
        <v>203</v>
      </c>
    </row>
    <row r="64" spans="1:12" ht="15.2" customHeight="1">
      <c r="A64" s="2" t="s">
        <v>198</v>
      </c>
      <c r="B64" s="2" t="s">
        <v>21</v>
      </c>
      <c r="C64" s="2" t="s">
        <v>139</v>
      </c>
      <c r="D64" s="2" t="s">
        <v>140</v>
      </c>
      <c r="E64" s="2" t="s">
        <v>141</v>
      </c>
      <c r="F64" s="2" t="s">
        <v>141</v>
      </c>
      <c r="G64" s="3">
        <v>1</v>
      </c>
      <c r="H64" s="2" t="s">
        <v>18</v>
      </c>
      <c r="I64" s="3">
        <v>2019</v>
      </c>
      <c r="J64" s="2" t="s">
        <v>29</v>
      </c>
      <c r="K64" s="2"/>
      <c r="L64" s="2" t="s">
        <v>142</v>
      </c>
    </row>
    <row r="65" spans="1:12" ht="15.2" customHeight="1">
      <c r="A65" s="2" t="s">
        <v>198</v>
      </c>
      <c r="B65" s="2" t="s">
        <v>204</v>
      </c>
      <c r="C65" s="2" t="s">
        <v>205</v>
      </c>
      <c r="D65" s="2" t="s">
        <v>206</v>
      </c>
      <c r="E65" s="2" t="s">
        <v>207</v>
      </c>
      <c r="F65" s="2" t="s">
        <v>208</v>
      </c>
      <c r="G65" s="3">
        <v>8</v>
      </c>
      <c r="H65" s="2" t="s">
        <v>209</v>
      </c>
      <c r="I65" s="3">
        <v>2017</v>
      </c>
      <c r="J65" s="2" t="s">
        <v>29</v>
      </c>
      <c r="K65" s="2"/>
      <c r="L65" s="2" t="s">
        <v>210</v>
      </c>
    </row>
    <row r="66" spans="1:12" ht="15.2" customHeight="1">
      <c r="A66" s="2" t="s">
        <v>198</v>
      </c>
      <c r="B66" s="2" t="s">
        <v>211</v>
      </c>
      <c r="C66" s="2" t="s">
        <v>212</v>
      </c>
      <c r="D66" s="2" t="s">
        <v>213</v>
      </c>
      <c r="E66" s="2" t="s">
        <v>157</v>
      </c>
      <c r="F66" s="2" t="s">
        <v>214</v>
      </c>
      <c r="G66" s="3">
        <v>3</v>
      </c>
      <c r="H66" s="2" t="s">
        <v>74</v>
      </c>
      <c r="I66" s="3">
        <v>2017</v>
      </c>
      <c r="J66" s="2" t="s">
        <v>29</v>
      </c>
      <c r="K66" s="2"/>
      <c r="L66" s="2" t="s">
        <v>215</v>
      </c>
    </row>
    <row r="67" spans="1:12" ht="15.2" customHeight="1">
      <c r="A67" s="2" t="s">
        <v>198</v>
      </c>
      <c r="B67" s="2" t="s">
        <v>216</v>
      </c>
      <c r="C67" s="2" t="s">
        <v>217</v>
      </c>
      <c r="D67" s="2" t="s">
        <v>218</v>
      </c>
      <c r="E67" s="2" t="s">
        <v>157</v>
      </c>
      <c r="F67" s="2" t="s">
        <v>219</v>
      </c>
      <c r="G67" s="3">
        <v>4</v>
      </c>
      <c r="H67" s="2" t="s">
        <v>74</v>
      </c>
      <c r="I67" s="3">
        <v>2017</v>
      </c>
      <c r="J67" s="2" t="s">
        <v>29</v>
      </c>
      <c r="K67" s="2"/>
      <c r="L67" s="2" t="s">
        <v>220</v>
      </c>
    </row>
    <row r="68" spans="1:12" ht="15.2" customHeight="1">
      <c r="A68" s="2" t="s">
        <v>198</v>
      </c>
      <c r="B68" s="2" t="s">
        <v>221</v>
      </c>
      <c r="C68" s="2" t="s">
        <v>222</v>
      </c>
      <c r="D68" s="2" t="s">
        <v>223</v>
      </c>
      <c r="E68" s="2" t="s">
        <v>157</v>
      </c>
      <c r="F68" s="2" t="s">
        <v>224</v>
      </c>
      <c r="G68" s="3">
        <v>5</v>
      </c>
      <c r="H68" s="2" t="s">
        <v>74</v>
      </c>
      <c r="I68" s="3">
        <v>2017</v>
      </c>
      <c r="J68" s="2" t="s">
        <v>29</v>
      </c>
      <c r="K68" s="2"/>
      <c r="L68" s="2" t="s">
        <v>225</v>
      </c>
    </row>
    <row r="69" spans="1:12" ht="15.2" customHeight="1">
      <c r="A69" s="2" t="s">
        <v>198</v>
      </c>
      <c r="B69" s="2" t="s">
        <v>226</v>
      </c>
      <c r="C69" s="2" t="s">
        <v>227</v>
      </c>
      <c r="D69" s="2" t="s">
        <v>228</v>
      </c>
      <c r="E69" s="2" t="s">
        <v>100</v>
      </c>
      <c r="F69" s="2" t="s">
        <v>229</v>
      </c>
      <c r="G69" s="3">
        <v>6</v>
      </c>
      <c r="H69" s="2" t="s">
        <v>74</v>
      </c>
      <c r="I69" s="3">
        <v>2019</v>
      </c>
      <c r="J69" s="2" t="s">
        <v>29</v>
      </c>
      <c r="K69" s="2"/>
      <c r="L69" s="2" t="s">
        <v>230</v>
      </c>
    </row>
    <row r="70" spans="1:12" ht="15.2" customHeight="1">
      <c r="A70" s="2" t="s">
        <v>198</v>
      </c>
      <c r="B70" s="2" t="s">
        <v>231</v>
      </c>
      <c r="C70" s="2" t="s">
        <v>232</v>
      </c>
      <c r="D70" s="2" t="s">
        <v>233</v>
      </c>
      <c r="E70" s="2" t="s">
        <v>100</v>
      </c>
      <c r="F70" s="2" t="s">
        <v>234</v>
      </c>
      <c r="G70" s="3">
        <v>5</v>
      </c>
      <c r="H70" s="2" t="s">
        <v>74</v>
      </c>
      <c r="I70" s="3">
        <v>2019</v>
      </c>
      <c r="J70" s="2" t="s">
        <v>29</v>
      </c>
      <c r="K70" s="2"/>
      <c r="L70" s="2" t="s">
        <v>235</v>
      </c>
    </row>
    <row r="71" spans="1:12" ht="15.2" customHeight="1">
      <c r="A71" s="2" t="s">
        <v>198</v>
      </c>
      <c r="B71" s="2" t="s">
        <v>236</v>
      </c>
      <c r="C71" s="2"/>
      <c r="D71" s="2" t="s">
        <v>199</v>
      </c>
      <c r="E71" s="2" t="s">
        <v>200</v>
      </c>
      <c r="F71" s="2" t="s">
        <v>201</v>
      </c>
      <c r="G71" s="3">
        <v>1</v>
      </c>
      <c r="H71" s="2" t="s">
        <v>18</v>
      </c>
      <c r="I71" s="3">
        <v>2020</v>
      </c>
      <c r="J71" s="2" t="s">
        <v>202</v>
      </c>
      <c r="K71" s="2"/>
      <c r="L71" s="2" t="s">
        <v>203</v>
      </c>
    </row>
    <row r="72" spans="1:12" ht="15.2" customHeight="1">
      <c r="A72" s="2" t="s">
        <v>198</v>
      </c>
      <c r="B72" s="2" t="s">
        <v>237</v>
      </c>
      <c r="C72" s="2"/>
      <c r="D72" s="2" t="s">
        <v>238</v>
      </c>
      <c r="E72" s="2" t="s">
        <v>200</v>
      </c>
      <c r="F72" s="2" t="s">
        <v>239</v>
      </c>
      <c r="G72" s="3">
        <v>2</v>
      </c>
      <c r="H72" s="2" t="s">
        <v>18</v>
      </c>
      <c r="I72" s="3">
        <v>2020</v>
      </c>
      <c r="J72" s="2" t="s">
        <v>202</v>
      </c>
      <c r="K72" s="2"/>
      <c r="L72" s="2" t="s">
        <v>240</v>
      </c>
    </row>
    <row r="73" spans="1:12" ht="15.2" customHeight="1">
      <c r="A73" s="2" t="s">
        <v>198</v>
      </c>
      <c r="B73" s="2" t="s">
        <v>69</v>
      </c>
      <c r="C73" s="2"/>
      <c r="D73" s="2"/>
      <c r="E73" s="2" t="s">
        <v>241</v>
      </c>
      <c r="F73" s="2" t="s">
        <v>242</v>
      </c>
      <c r="G73" s="3">
        <v>1</v>
      </c>
      <c r="H73" s="2" t="s">
        <v>45</v>
      </c>
      <c r="I73" s="3">
        <v>2014</v>
      </c>
      <c r="J73" s="2" t="s">
        <v>243</v>
      </c>
      <c r="K73" s="2"/>
      <c r="L73" s="2"/>
    </row>
    <row r="74" spans="1:12" ht="15.2" customHeight="1">
      <c r="A74" s="2" t="s">
        <v>198</v>
      </c>
      <c r="B74" s="2" t="s">
        <v>76</v>
      </c>
      <c r="C74" s="2"/>
      <c r="D74" s="2" t="s">
        <v>15</v>
      </c>
      <c r="E74" s="2" t="s">
        <v>16</v>
      </c>
      <c r="F74" s="2" t="s">
        <v>17</v>
      </c>
      <c r="G74" s="3">
        <v>1</v>
      </c>
      <c r="H74" s="2" t="s">
        <v>18</v>
      </c>
      <c r="I74" s="3">
        <v>2020</v>
      </c>
      <c r="J74" s="2" t="s">
        <v>19</v>
      </c>
      <c r="K74" s="2"/>
      <c r="L74" s="2" t="s">
        <v>20</v>
      </c>
    </row>
    <row r="75" spans="1:12" ht="15.2" customHeight="1">
      <c r="A75" s="2" t="s">
        <v>198</v>
      </c>
      <c r="B75" s="2" t="s">
        <v>244</v>
      </c>
      <c r="C75" s="2" t="s">
        <v>245</v>
      </c>
      <c r="D75" s="2" t="s">
        <v>246</v>
      </c>
      <c r="E75" s="2" t="s">
        <v>247</v>
      </c>
      <c r="F75" s="2" t="s">
        <v>248</v>
      </c>
      <c r="G75" s="3">
        <v>6</v>
      </c>
      <c r="H75" s="2" t="s">
        <v>45</v>
      </c>
      <c r="I75" s="3">
        <v>2017</v>
      </c>
      <c r="J75" s="2" t="s">
        <v>249</v>
      </c>
      <c r="K75" s="2"/>
      <c r="L75" s="2" t="s">
        <v>250</v>
      </c>
    </row>
    <row r="76" spans="1:12" ht="15.2" customHeight="1">
      <c r="A76" s="2" t="s">
        <v>198</v>
      </c>
      <c r="B76" s="2" t="s">
        <v>88</v>
      </c>
      <c r="C76" s="2" t="s">
        <v>251</v>
      </c>
      <c r="D76" s="2" t="s">
        <v>252</v>
      </c>
      <c r="E76" s="2" t="s">
        <v>253</v>
      </c>
      <c r="F76" s="2" t="s">
        <v>254</v>
      </c>
      <c r="G76" s="3">
        <v>5</v>
      </c>
      <c r="H76" s="2" t="s">
        <v>74</v>
      </c>
      <c r="I76" s="3">
        <v>2018</v>
      </c>
      <c r="J76" s="2" t="s">
        <v>29</v>
      </c>
      <c r="K76" s="2"/>
      <c r="L76" s="2" t="s">
        <v>255</v>
      </c>
    </row>
    <row r="77" spans="1:12" ht="15.2" customHeight="1">
      <c r="A77" s="2" t="s">
        <v>198</v>
      </c>
      <c r="B77" s="2" t="s">
        <v>256</v>
      </c>
      <c r="C77" s="2" t="s">
        <v>257</v>
      </c>
      <c r="D77" s="2" t="s">
        <v>258</v>
      </c>
      <c r="E77" s="2" t="s">
        <v>253</v>
      </c>
      <c r="F77" s="2" t="s">
        <v>259</v>
      </c>
      <c r="G77" s="3">
        <v>4</v>
      </c>
      <c r="H77" s="2" t="s">
        <v>74</v>
      </c>
      <c r="I77" s="3">
        <v>2018</v>
      </c>
      <c r="J77" s="2" t="s">
        <v>29</v>
      </c>
      <c r="K77" s="2"/>
      <c r="L77" s="2" t="s">
        <v>260</v>
      </c>
    </row>
    <row r="78" spans="1:12" ht="15.2" customHeight="1">
      <c r="A78" s="2" t="s">
        <v>198</v>
      </c>
      <c r="B78" s="2" t="s">
        <v>261</v>
      </c>
      <c r="C78" s="2" t="s">
        <v>262</v>
      </c>
      <c r="D78" s="2" t="s">
        <v>263</v>
      </c>
      <c r="E78" s="2" t="s">
        <v>27</v>
      </c>
      <c r="F78" s="2" t="s">
        <v>264</v>
      </c>
      <c r="G78" s="3">
        <v>3</v>
      </c>
      <c r="H78" s="2" t="s">
        <v>18</v>
      </c>
      <c r="I78" s="3">
        <v>2018</v>
      </c>
      <c r="J78" s="2" t="s">
        <v>29</v>
      </c>
      <c r="K78" s="2"/>
      <c r="L78" s="2" t="s">
        <v>265</v>
      </c>
    </row>
    <row r="79" spans="1:12" ht="15.2" customHeight="1">
      <c r="A79" s="2" t="s">
        <v>198</v>
      </c>
      <c r="B79" s="2" t="s">
        <v>266</v>
      </c>
      <c r="C79" s="2" t="s">
        <v>267</v>
      </c>
      <c r="D79" s="2" t="s">
        <v>268</v>
      </c>
      <c r="E79" s="2" t="s">
        <v>27</v>
      </c>
      <c r="F79" s="2" t="s">
        <v>269</v>
      </c>
      <c r="G79" s="3">
        <v>2</v>
      </c>
      <c r="H79" s="2" t="s">
        <v>18</v>
      </c>
      <c r="I79" s="3">
        <v>2018</v>
      </c>
      <c r="J79" s="2" t="s">
        <v>29</v>
      </c>
      <c r="K79" s="2"/>
      <c r="L79" s="2" t="s">
        <v>270</v>
      </c>
    </row>
    <row r="80" spans="1:12" ht="15.2" customHeight="1">
      <c r="A80" s="2" t="s">
        <v>198</v>
      </c>
      <c r="B80" s="2" t="s">
        <v>108</v>
      </c>
      <c r="C80" s="2" t="s">
        <v>271</v>
      </c>
      <c r="D80" s="2" t="s">
        <v>272</v>
      </c>
      <c r="E80" s="2" t="s">
        <v>273</v>
      </c>
      <c r="F80" s="2" t="s">
        <v>274</v>
      </c>
      <c r="G80" s="3">
        <v>1</v>
      </c>
      <c r="H80" s="2" t="s">
        <v>74</v>
      </c>
      <c r="I80" s="3">
        <v>2017</v>
      </c>
      <c r="J80" s="2" t="s">
        <v>29</v>
      </c>
      <c r="K80" s="2"/>
      <c r="L80" s="2" t="s">
        <v>275</v>
      </c>
    </row>
    <row r="81" spans="1:12" ht="15.2" customHeight="1">
      <c r="A81" s="2" t="s">
        <v>198</v>
      </c>
      <c r="B81" s="2" t="s">
        <v>114</v>
      </c>
      <c r="C81" s="2" t="s">
        <v>276</v>
      </c>
      <c r="D81" s="2" t="s">
        <v>277</v>
      </c>
      <c r="E81" s="2" t="s">
        <v>273</v>
      </c>
      <c r="F81" s="2" t="s">
        <v>278</v>
      </c>
      <c r="G81" s="3">
        <v>2</v>
      </c>
      <c r="H81" s="2" t="s">
        <v>74</v>
      </c>
      <c r="I81" s="3">
        <v>2017</v>
      </c>
      <c r="J81" s="2" t="s">
        <v>29</v>
      </c>
      <c r="K81" s="2"/>
      <c r="L81" s="2" t="s">
        <v>279</v>
      </c>
    </row>
    <row r="82" spans="1:12" ht="15.2" customHeight="1">
      <c r="A82" s="2" t="s">
        <v>198</v>
      </c>
      <c r="B82" s="2" t="s">
        <v>280</v>
      </c>
      <c r="C82" s="2" t="s">
        <v>281</v>
      </c>
      <c r="D82" s="2" t="s">
        <v>282</v>
      </c>
      <c r="E82" s="2" t="s">
        <v>273</v>
      </c>
      <c r="F82" s="2" t="s">
        <v>283</v>
      </c>
      <c r="G82" s="3">
        <v>3</v>
      </c>
      <c r="H82" s="2" t="s">
        <v>74</v>
      </c>
      <c r="I82" s="3">
        <v>2017</v>
      </c>
      <c r="J82" s="2" t="s">
        <v>29</v>
      </c>
      <c r="K82" s="2"/>
      <c r="L82" s="2" t="s">
        <v>284</v>
      </c>
    </row>
    <row r="83" spans="1:12" ht="15.2" customHeight="1">
      <c r="A83" s="2" t="s">
        <v>198</v>
      </c>
      <c r="B83" s="2" t="s">
        <v>285</v>
      </c>
      <c r="C83" s="2"/>
      <c r="D83" s="2" t="s">
        <v>286</v>
      </c>
      <c r="E83" s="2" t="s">
        <v>157</v>
      </c>
      <c r="F83" s="2" t="s">
        <v>287</v>
      </c>
      <c r="G83" s="3">
        <v>17</v>
      </c>
      <c r="H83" s="2" t="s">
        <v>74</v>
      </c>
      <c r="I83" s="3">
        <v>2019</v>
      </c>
      <c r="J83" s="2" t="s">
        <v>29</v>
      </c>
      <c r="K83" s="2"/>
      <c r="L83" s="2" t="s">
        <v>288</v>
      </c>
    </row>
    <row r="84" spans="1:12" ht="15.2" customHeight="1">
      <c r="A84" s="2" t="s">
        <v>198</v>
      </c>
      <c r="B84" s="2" t="s">
        <v>132</v>
      </c>
      <c r="C84" s="2" t="s">
        <v>289</v>
      </c>
      <c r="D84" s="2" t="s">
        <v>290</v>
      </c>
      <c r="E84" s="2" t="s">
        <v>291</v>
      </c>
      <c r="F84" s="2" t="s">
        <v>292</v>
      </c>
      <c r="G84" s="3">
        <v>2</v>
      </c>
      <c r="H84" s="2" t="s">
        <v>86</v>
      </c>
      <c r="I84" s="3">
        <v>2011</v>
      </c>
      <c r="J84" s="2" t="s">
        <v>29</v>
      </c>
      <c r="K84" s="2"/>
      <c r="L84" s="2" t="s">
        <v>293</v>
      </c>
    </row>
    <row r="85" spans="1:12" ht="15.2" customHeight="1">
      <c r="A85" s="2" t="s">
        <v>198</v>
      </c>
      <c r="B85" s="2" t="s">
        <v>133</v>
      </c>
      <c r="C85" s="2" t="s">
        <v>294</v>
      </c>
      <c r="D85" s="2" t="s">
        <v>295</v>
      </c>
      <c r="E85" s="2" t="s">
        <v>291</v>
      </c>
      <c r="F85" s="2" t="s">
        <v>296</v>
      </c>
      <c r="G85" s="3">
        <v>1</v>
      </c>
      <c r="H85" s="2" t="s">
        <v>86</v>
      </c>
      <c r="I85" s="3">
        <v>2011</v>
      </c>
      <c r="J85" s="2" t="s">
        <v>29</v>
      </c>
      <c r="K85" s="2"/>
      <c r="L85" s="2" t="s">
        <v>297</v>
      </c>
    </row>
    <row r="86" spans="1:12" ht="15.2" customHeight="1">
      <c r="A86" s="2" t="s">
        <v>198</v>
      </c>
      <c r="B86" s="2" t="s">
        <v>134</v>
      </c>
      <c r="C86" s="2" t="s">
        <v>298</v>
      </c>
      <c r="D86" s="2" t="s">
        <v>299</v>
      </c>
      <c r="E86" s="2" t="s">
        <v>300</v>
      </c>
      <c r="F86" s="2" t="s">
        <v>301</v>
      </c>
      <c r="G86" s="3">
        <v>3</v>
      </c>
      <c r="H86" s="2" t="s">
        <v>86</v>
      </c>
      <c r="I86" s="3">
        <v>2010</v>
      </c>
      <c r="J86" s="2" t="s">
        <v>302</v>
      </c>
      <c r="K86" s="2"/>
      <c r="L86" s="2" t="s">
        <v>303</v>
      </c>
    </row>
    <row r="87" spans="1:12" ht="15.2" customHeight="1">
      <c r="A87" s="2" t="s">
        <v>198</v>
      </c>
      <c r="B87" s="2" t="s">
        <v>138</v>
      </c>
      <c r="C87" s="2"/>
      <c r="D87" s="2" t="s">
        <v>199</v>
      </c>
      <c r="E87" s="2" t="s">
        <v>200</v>
      </c>
      <c r="F87" s="2" t="s">
        <v>201</v>
      </c>
      <c r="G87" s="3">
        <v>1</v>
      </c>
      <c r="H87" s="2" t="s">
        <v>18</v>
      </c>
      <c r="I87" s="3">
        <v>2020</v>
      </c>
      <c r="J87" s="2" t="s">
        <v>202</v>
      </c>
      <c r="K87" s="2"/>
      <c r="L87" s="2" t="s">
        <v>203</v>
      </c>
    </row>
    <row r="88" spans="1:12" ht="15.2" customHeight="1">
      <c r="A88" s="2" t="s">
        <v>198</v>
      </c>
      <c r="B88" s="2" t="s">
        <v>143</v>
      </c>
      <c r="C88" s="2" t="s">
        <v>139</v>
      </c>
      <c r="D88" s="2" t="s">
        <v>140</v>
      </c>
      <c r="E88" s="2" t="s">
        <v>141</v>
      </c>
      <c r="F88" s="2" t="s">
        <v>141</v>
      </c>
      <c r="G88" s="3">
        <v>1</v>
      </c>
      <c r="H88" s="2" t="s">
        <v>18</v>
      </c>
      <c r="I88" s="3">
        <v>2019</v>
      </c>
      <c r="J88" s="2" t="s">
        <v>29</v>
      </c>
      <c r="K88" s="2"/>
      <c r="L88" s="2" t="s">
        <v>142</v>
      </c>
    </row>
    <row r="89" spans="1:12" ht="15.2" customHeight="1">
      <c r="A89" s="2" t="s">
        <v>198</v>
      </c>
      <c r="B89" s="2" t="s">
        <v>197</v>
      </c>
      <c r="C89" s="2" t="s">
        <v>205</v>
      </c>
      <c r="D89" s="2" t="s">
        <v>206</v>
      </c>
      <c r="E89" s="2" t="s">
        <v>207</v>
      </c>
      <c r="F89" s="2" t="s">
        <v>208</v>
      </c>
      <c r="G89" s="3">
        <v>8</v>
      </c>
      <c r="H89" s="2" t="s">
        <v>209</v>
      </c>
      <c r="I89" s="3">
        <v>2017</v>
      </c>
      <c r="J89" s="2" t="s">
        <v>29</v>
      </c>
      <c r="K89" s="2"/>
      <c r="L89" s="2" t="s">
        <v>210</v>
      </c>
    </row>
    <row r="90" spans="1:12" ht="15.2" customHeight="1">
      <c r="A90" s="2" t="s">
        <v>198</v>
      </c>
      <c r="B90" s="2" t="s">
        <v>151</v>
      </c>
      <c r="C90" s="2" t="s">
        <v>251</v>
      </c>
      <c r="D90" s="2" t="s">
        <v>252</v>
      </c>
      <c r="E90" s="2" t="s">
        <v>253</v>
      </c>
      <c r="F90" s="2" t="s">
        <v>254</v>
      </c>
      <c r="G90" s="3">
        <v>5</v>
      </c>
      <c r="H90" s="2" t="s">
        <v>74</v>
      </c>
      <c r="I90" s="3">
        <v>2018</v>
      </c>
      <c r="J90" s="2" t="s">
        <v>29</v>
      </c>
      <c r="K90" s="2"/>
      <c r="L90" s="2" t="s">
        <v>255</v>
      </c>
    </row>
    <row r="91" spans="1:12" ht="15.2" customHeight="1">
      <c r="A91" s="2" t="s">
        <v>198</v>
      </c>
      <c r="B91" s="2" t="s">
        <v>152</v>
      </c>
      <c r="C91" s="2" t="s">
        <v>257</v>
      </c>
      <c r="D91" s="2" t="s">
        <v>258</v>
      </c>
      <c r="E91" s="2" t="s">
        <v>253</v>
      </c>
      <c r="F91" s="2" t="s">
        <v>259</v>
      </c>
      <c r="G91" s="3">
        <v>4</v>
      </c>
      <c r="H91" s="2" t="s">
        <v>74</v>
      </c>
      <c r="I91" s="3">
        <v>2018</v>
      </c>
      <c r="J91" s="2" t="s">
        <v>29</v>
      </c>
      <c r="K91" s="2"/>
      <c r="L91" s="2" t="s">
        <v>260</v>
      </c>
    </row>
    <row r="92" spans="1:12" ht="15.2" customHeight="1">
      <c r="A92" s="2" t="s">
        <v>198</v>
      </c>
      <c r="B92" s="2" t="s">
        <v>153</v>
      </c>
      <c r="C92" s="2" t="s">
        <v>271</v>
      </c>
      <c r="D92" s="2" t="s">
        <v>272</v>
      </c>
      <c r="E92" s="2" t="s">
        <v>273</v>
      </c>
      <c r="F92" s="2" t="s">
        <v>274</v>
      </c>
      <c r="G92" s="3">
        <v>1</v>
      </c>
      <c r="H92" s="2" t="s">
        <v>74</v>
      </c>
      <c r="I92" s="3">
        <v>2017</v>
      </c>
      <c r="J92" s="2" t="s">
        <v>29</v>
      </c>
      <c r="K92" s="2"/>
      <c r="L92" s="2" t="s">
        <v>275</v>
      </c>
    </row>
    <row r="93" spans="1:12" ht="15.2" customHeight="1">
      <c r="A93" s="2" t="s">
        <v>304</v>
      </c>
      <c r="B93" s="2" t="s">
        <v>14</v>
      </c>
      <c r="C93" s="2"/>
      <c r="D93" s="2" t="s">
        <v>238</v>
      </c>
      <c r="E93" s="2" t="s">
        <v>200</v>
      </c>
      <c r="F93" s="2" t="s">
        <v>239</v>
      </c>
      <c r="G93" s="3">
        <v>2</v>
      </c>
      <c r="H93" s="2" t="s">
        <v>18</v>
      </c>
      <c r="I93" s="3">
        <v>2020</v>
      </c>
      <c r="J93" s="2" t="s">
        <v>202</v>
      </c>
      <c r="K93" s="2"/>
      <c r="L93" s="2" t="s">
        <v>240</v>
      </c>
    </row>
    <row r="94" spans="1:12" ht="15.2" customHeight="1">
      <c r="A94" s="2" t="s">
        <v>304</v>
      </c>
      <c r="B94" s="2" t="s">
        <v>21</v>
      </c>
      <c r="C94" s="2"/>
      <c r="D94" s="2" t="s">
        <v>199</v>
      </c>
      <c r="E94" s="2" t="s">
        <v>200</v>
      </c>
      <c r="F94" s="2" t="s">
        <v>201</v>
      </c>
      <c r="G94" s="3">
        <v>1</v>
      </c>
      <c r="H94" s="2" t="s">
        <v>18</v>
      </c>
      <c r="I94" s="3">
        <v>2020</v>
      </c>
      <c r="J94" s="2" t="s">
        <v>202</v>
      </c>
      <c r="K94" s="2"/>
      <c r="L94" s="2" t="s">
        <v>203</v>
      </c>
    </row>
    <row r="95" spans="1:12" ht="15.2" customHeight="1">
      <c r="A95" s="2" t="s">
        <v>304</v>
      </c>
      <c r="B95" s="2" t="s">
        <v>204</v>
      </c>
      <c r="C95" s="2" t="s">
        <v>305</v>
      </c>
      <c r="D95" s="2" t="s">
        <v>306</v>
      </c>
      <c r="E95" s="2" t="s">
        <v>307</v>
      </c>
      <c r="F95" s="2" t="s">
        <v>308</v>
      </c>
      <c r="G95" s="3">
        <v>1</v>
      </c>
      <c r="H95" s="2" t="s">
        <v>148</v>
      </c>
      <c r="I95" s="3">
        <v>2018</v>
      </c>
      <c r="J95" s="2" t="s">
        <v>29</v>
      </c>
      <c r="K95" s="2"/>
      <c r="L95" s="2" t="s">
        <v>309</v>
      </c>
    </row>
    <row r="96" spans="1:12" ht="15.2" customHeight="1">
      <c r="A96" s="2" t="s">
        <v>304</v>
      </c>
      <c r="B96" s="2" t="s">
        <v>211</v>
      </c>
      <c r="C96" s="2"/>
      <c r="D96" s="2" t="s">
        <v>26</v>
      </c>
      <c r="E96" s="2" t="s">
        <v>27</v>
      </c>
      <c r="F96" s="2" t="s">
        <v>28</v>
      </c>
      <c r="G96" s="3">
        <v>3</v>
      </c>
      <c r="H96" s="2" t="s">
        <v>18</v>
      </c>
      <c r="I96" s="3">
        <v>2020</v>
      </c>
      <c r="J96" s="2" t="s">
        <v>29</v>
      </c>
      <c r="K96" s="2"/>
      <c r="L96" s="2" t="s">
        <v>30</v>
      </c>
    </row>
    <row r="97" spans="1:12" ht="15.2" customHeight="1">
      <c r="A97" s="2" t="s">
        <v>304</v>
      </c>
      <c r="B97" s="2" t="s">
        <v>216</v>
      </c>
      <c r="C97" s="2"/>
      <c r="D97" s="2" t="s">
        <v>32</v>
      </c>
      <c r="E97" s="2" t="s">
        <v>27</v>
      </c>
      <c r="F97" s="2" t="s">
        <v>33</v>
      </c>
      <c r="G97" s="3">
        <v>4</v>
      </c>
      <c r="H97" s="2" t="s">
        <v>18</v>
      </c>
      <c r="I97" s="3">
        <v>2020</v>
      </c>
      <c r="J97" s="2" t="s">
        <v>29</v>
      </c>
      <c r="K97" s="2"/>
      <c r="L97" s="2" t="s">
        <v>34</v>
      </c>
    </row>
    <row r="98" spans="1:12" ht="15.2" customHeight="1">
      <c r="A98" s="2" t="s">
        <v>304</v>
      </c>
      <c r="B98" s="2" t="s">
        <v>221</v>
      </c>
      <c r="C98" s="2" t="s">
        <v>36</v>
      </c>
      <c r="D98" s="2" t="s">
        <v>37</v>
      </c>
      <c r="E98" s="2" t="s">
        <v>27</v>
      </c>
      <c r="F98" s="2" t="s">
        <v>38</v>
      </c>
      <c r="G98" s="3">
        <v>3</v>
      </c>
      <c r="H98" s="2" t="s">
        <v>18</v>
      </c>
      <c r="I98" s="3">
        <v>2019</v>
      </c>
      <c r="J98" s="2" t="s">
        <v>29</v>
      </c>
      <c r="K98" s="2"/>
      <c r="L98" s="2" t="s">
        <v>39</v>
      </c>
    </row>
    <row r="99" spans="1:12" ht="15.2" customHeight="1">
      <c r="A99" s="2" t="s">
        <v>304</v>
      </c>
      <c r="B99" s="2" t="s">
        <v>226</v>
      </c>
      <c r="C99" s="2" t="s">
        <v>310</v>
      </c>
      <c r="D99" s="2" t="s">
        <v>311</v>
      </c>
      <c r="E99" s="2" t="s">
        <v>100</v>
      </c>
      <c r="F99" s="2" t="s">
        <v>312</v>
      </c>
      <c r="G99" s="3">
        <v>7</v>
      </c>
      <c r="H99" s="2" t="s">
        <v>74</v>
      </c>
      <c r="I99" s="3">
        <v>2019</v>
      </c>
      <c r="J99" s="2" t="s">
        <v>29</v>
      </c>
      <c r="K99" s="2"/>
      <c r="L99" s="2" t="s">
        <v>313</v>
      </c>
    </row>
    <row r="100" spans="1:12" ht="15.2" customHeight="1">
      <c r="A100" s="2" t="s">
        <v>304</v>
      </c>
      <c r="B100" s="2" t="s">
        <v>231</v>
      </c>
      <c r="C100" s="2" t="s">
        <v>227</v>
      </c>
      <c r="D100" s="2" t="s">
        <v>228</v>
      </c>
      <c r="E100" s="2" t="s">
        <v>100</v>
      </c>
      <c r="F100" s="2" t="s">
        <v>229</v>
      </c>
      <c r="G100" s="3">
        <v>6</v>
      </c>
      <c r="H100" s="2" t="s">
        <v>74</v>
      </c>
      <c r="I100" s="3">
        <v>2019</v>
      </c>
      <c r="J100" s="2" t="s">
        <v>29</v>
      </c>
      <c r="K100" s="2"/>
      <c r="L100" s="2" t="s">
        <v>230</v>
      </c>
    </row>
    <row r="101" spans="1:12" ht="15.2" customHeight="1">
      <c r="A101" s="2" t="s">
        <v>304</v>
      </c>
      <c r="B101" s="2" t="s">
        <v>236</v>
      </c>
      <c r="C101" s="2" t="s">
        <v>314</v>
      </c>
      <c r="D101" s="2" t="s">
        <v>315</v>
      </c>
      <c r="E101" s="2" t="s">
        <v>316</v>
      </c>
      <c r="F101" s="2" t="s">
        <v>317</v>
      </c>
      <c r="G101" s="3">
        <v>1</v>
      </c>
      <c r="H101" s="2" t="s">
        <v>45</v>
      </c>
      <c r="I101" s="3">
        <v>2016</v>
      </c>
      <c r="J101" s="2" t="s">
        <v>249</v>
      </c>
      <c r="K101" s="2"/>
      <c r="L101" s="2" t="s">
        <v>318</v>
      </c>
    </row>
    <row r="102" spans="1:12" ht="15.2" customHeight="1">
      <c r="A102" s="2" t="s">
        <v>304</v>
      </c>
      <c r="B102" s="2" t="s">
        <v>237</v>
      </c>
      <c r="C102" s="2" t="s">
        <v>319</v>
      </c>
      <c r="D102" s="2" t="s">
        <v>320</v>
      </c>
      <c r="E102" s="2" t="s">
        <v>316</v>
      </c>
      <c r="F102" s="2" t="s">
        <v>321</v>
      </c>
      <c r="G102" s="3">
        <v>2</v>
      </c>
      <c r="H102" s="2" t="s">
        <v>45</v>
      </c>
      <c r="I102" s="3">
        <v>2016</v>
      </c>
      <c r="J102" s="2" t="s">
        <v>249</v>
      </c>
      <c r="K102" s="2"/>
      <c r="L102" s="2" t="s">
        <v>322</v>
      </c>
    </row>
    <row r="103" spans="1:12" ht="15.2" customHeight="1">
      <c r="A103" s="2" t="s">
        <v>304</v>
      </c>
      <c r="B103" s="2" t="s">
        <v>69</v>
      </c>
      <c r="C103" s="2" t="s">
        <v>323</v>
      </c>
      <c r="D103" s="2" t="s">
        <v>324</v>
      </c>
      <c r="E103" s="2" t="s">
        <v>325</v>
      </c>
      <c r="F103" s="2" t="s">
        <v>326</v>
      </c>
      <c r="G103" s="3">
        <v>4</v>
      </c>
      <c r="H103" s="2" t="s">
        <v>18</v>
      </c>
      <c r="I103" s="3">
        <v>2004</v>
      </c>
      <c r="J103" s="2" t="s">
        <v>249</v>
      </c>
      <c r="K103" s="2"/>
      <c r="L103" s="2" t="s">
        <v>327</v>
      </c>
    </row>
    <row r="104" spans="1:12" ht="15.2" customHeight="1">
      <c r="A104" s="2" t="s">
        <v>304</v>
      </c>
      <c r="B104" s="2" t="s">
        <v>76</v>
      </c>
      <c r="C104" s="2" t="s">
        <v>328</v>
      </c>
      <c r="D104" s="2" t="s">
        <v>329</v>
      </c>
      <c r="E104" s="2" t="s">
        <v>330</v>
      </c>
      <c r="F104" s="2" t="s">
        <v>331</v>
      </c>
      <c r="G104" s="3">
        <v>4</v>
      </c>
      <c r="H104" s="2" t="s">
        <v>86</v>
      </c>
      <c r="I104" s="3">
        <v>2007</v>
      </c>
      <c r="J104" s="2" t="s">
        <v>29</v>
      </c>
      <c r="K104" s="2"/>
      <c r="L104" s="2" t="s">
        <v>332</v>
      </c>
    </row>
    <row r="105" spans="1:12" ht="15.2" customHeight="1">
      <c r="A105" s="2" t="s">
        <v>304</v>
      </c>
      <c r="B105" s="2" t="s">
        <v>244</v>
      </c>
      <c r="C105" s="2" t="s">
        <v>333</v>
      </c>
      <c r="D105" s="2" t="s">
        <v>334</v>
      </c>
      <c r="E105" s="2" t="s">
        <v>335</v>
      </c>
      <c r="F105" s="2" t="s">
        <v>336</v>
      </c>
      <c r="G105" s="3">
        <v>1</v>
      </c>
      <c r="H105" s="2" t="s">
        <v>45</v>
      </c>
      <c r="I105" s="3">
        <v>2018</v>
      </c>
      <c r="J105" s="2" t="s">
        <v>249</v>
      </c>
      <c r="K105" s="2"/>
      <c r="L105" s="2" t="s">
        <v>337</v>
      </c>
    </row>
    <row r="106" spans="1:12" ht="15.2" customHeight="1">
      <c r="A106" s="2" t="s">
        <v>304</v>
      </c>
      <c r="B106" s="2" t="s">
        <v>88</v>
      </c>
      <c r="C106" s="2" t="s">
        <v>338</v>
      </c>
      <c r="D106" s="2" t="s">
        <v>339</v>
      </c>
      <c r="E106" s="2" t="s">
        <v>253</v>
      </c>
      <c r="F106" s="2" t="s">
        <v>340</v>
      </c>
      <c r="G106" s="3">
        <v>6</v>
      </c>
      <c r="H106" s="2" t="s">
        <v>74</v>
      </c>
      <c r="I106" s="3">
        <v>2018</v>
      </c>
      <c r="J106" s="2" t="s">
        <v>29</v>
      </c>
      <c r="K106" s="2"/>
      <c r="L106" s="2" t="s">
        <v>341</v>
      </c>
    </row>
    <row r="107" spans="1:12" ht="15.2" customHeight="1">
      <c r="A107" s="2" t="s">
        <v>304</v>
      </c>
      <c r="B107" s="2" t="s">
        <v>256</v>
      </c>
      <c r="C107" s="2" t="s">
        <v>251</v>
      </c>
      <c r="D107" s="2" t="s">
        <v>252</v>
      </c>
      <c r="E107" s="2" t="s">
        <v>253</v>
      </c>
      <c r="F107" s="2" t="s">
        <v>254</v>
      </c>
      <c r="G107" s="3">
        <v>5</v>
      </c>
      <c r="H107" s="2" t="s">
        <v>74</v>
      </c>
      <c r="I107" s="3">
        <v>2018</v>
      </c>
      <c r="J107" s="2" t="s">
        <v>29</v>
      </c>
      <c r="K107" s="2"/>
      <c r="L107" s="2" t="s">
        <v>255</v>
      </c>
    </row>
    <row r="108" spans="1:12" ht="15.2" customHeight="1">
      <c r="A108" s="2" t="s">
        <v>304</v>
      </c>
      <c r="B108" s="2" t="s">
        <v>261</v>
      </c>
      <c r="C108" s="2" t="s">
        <v>342</v>
      </c>
      <c r="D108" s="2" t="s">
        <v>343</v>
      </c>
      <c r="E108" s="2" t="s">
        <v>27</v>
      </c>
      <c r="F108" s="2" t="s">
        <v>344</v>
      </c>
      <c r="G108" s="3">
        <v>4</v>
      </c>
      <c r="H108" s="2" t="s">
        <v>18</v>
      </c>
      <c r="I108" s="3">
        <v>2018</v>
      </c>
      <c r="J108" s="2" t="s">
        <v>29</v>
      </c>
      <c r="K108" s="2"/>
      <c r="L108" s="2" t="s">
        <v>345</v>
      </c>
    </row>
    <row r="109" spans="1:12" ht="15.2" customHeight="1">
      <c r="A109" s="2" t="s">
        <v>304</v>
      </c>
      <c r="B109" s="2" t="s">
        <v>266</v>
      </c>
      <c r="C109" s="2" t="s">
        <v>262</v>
      </c>
      <c r="D109" s="2" t="s">
        <v>263</v>
      </c>
      <c r="E109" s="2" t="s">
        <v>27</v>
      </c>
      <c r="F109" s="2" t="s">
        <v>264</v>
      </c>
      <c r="G109" s="3">
        <v>3</v>
      </c>
      <c r="H109" s="2" t="s">
        <v>18</v>
      </c>
      <c r="I109" s="3">
        <v>2018</v>
      </c>
      <c r="J109" s="2" t="s">
        <v>29</v>
      </c>
      <c r="K109" s="2"/>
      <c r="L109" s="2" t="s">
        <v>265</v>
      </c>
    </row>
    <row r="110" spans="1:12" s="8" customFormat="1" ht="15.2" customHeight="1">
      <c r="A110" s="7" t="s">
        <v>304</v>
      </c>
      <c r="B110" s="7" t="s">
        <v>108</v>
      </c>
      <c r="C110" s="7"/>
      <c r="D110" s="7" t="s">
        <v>346</v>
      </c>
      <c r="E110" s="7" t="s">
        <v>27</v>
      </c>
      <c r="F110" s="7" t="s">
        <v>347</v>
      </c>
      <c r="G110" s="7">
        <v>5</v>
      </c>
      <c r="H110" s="7" t="s">
        <v>18</v>
      </c>
      <c r="I110" s="7">
        <v>2020</v>
      </c>
      <c r="J110" s="7" t="s">
        <v>29</v>
      </c>
      <c r="K110" s="7"/>
      <c r="L110" s="7" t="s">
        <v>348</v>
      </c>
    </row>
    <row r="111" spans="1:12" ht="15.2" customHeight="1">
      <c r="A111" s="2" t="s">
        <v>304</v>
      </c>
      <c r="B111" s="2" t="s">
        <v>114</v>
      </c>
      <c r="C111" s="2"/>
      <c r="D111" s="2" t="s">
        <v>349</v>
      </c>
      <c r="E111" s="2" t="s">
        <v>27</v>
      </c>
      <c r="F111" s="2" t="s">
        <v>350</v>
      </c>
      <c r="G111" s="3">
        <v>6</v>
      </c>
      <c r="H111" s="2" t="s">
        <v>18</v>
      </c>
      <c r="I111" s="3">
        <v>2020</v>
      </c>
      <c r="J111" s="2" t="s">
        <v>29</v>
      </c>
      <c r="K111" s="2"/>
      <c r="L111" s="2" t="s">
        <v>351</v>
      </c>
    </row>
    <row r="112" spans="1:12" ht="15.2" customHeight="1">
      <c r="A112" s="2" t="s">
        <v>304</v>
      </c>
      <c r="B112" s="2" t="s">
        <v>195</v>
      </c>
      <c r="C112" s="2" t="s">
        <v>352</v>
      </c>
      <c r="D112" s="2" t="s">
        <v>353</v>
      </c>
      <c r="E112" s="2" t="s">
        <v>27</v>
      </c>
      <c r="F112" s="2" t="s">
        <v>354</v>
      </c>
      <c r="G112" s="3">
        <v>5</v>
      </c>
      <c r="H112" s="2" t="s">
        <v>18</v>
      </c>
      <c r="I112" s="3">
        <v>2019</v>
      </c>
      <c r="J112" s="2" t="s">
        <v>29</v>
      </c>
      <c r="K112" s="2"/>
      <c r="L112" s="2" t="s">
        <v>355</v>
      </c>
    </row>
    <row r="113" spans="1:12" ht="15.2" customHeight="1">
      <c r="A113" s="2" t="s">
        <v>304</v>
      </c>
      <c r="B113" s="2" t="s">
        <v>127</v>
      </c>
      <c r="C113" s="2" t="s">
        <v>356</v>
      </c>
      <c r="D113" s="2" t="s">
        <v>357</v>
      </c>
      <c r="E113" s="2" t="s">
        <v>27</v>
      </c>
      <c r="F113" s="2" t="s">
        <v>358</v>
      </c>
      <c r="G113" s="3">
        <v>6</v>
      </c>
      <c r="H113" s="2" t="s">
        <v>18</v>
      </c>
      <c r="I113" s="3">
        <v>2019</v>
      </c>
      <c r="J113" s="2" t="s">
        <v>29</v>
      </c>
      <c r="K113" s="2"/>
      <c r="L113" s="2" t="s">
        <v>359</v>
      </c>
    </row>
    <row r="114" spans="1:12" ht="15.2" customHeight="1">
      <c r="A114" s="2" t="s">
        <v>304</v>
      </c>
      <c r="B114" s="2" t="s">
        <v>132</v>
      </c>
      <c r="C114" s="2" t="s">
        <v>360</v>
      </c>
      <c r="D114" s="2" t="s">
        <v>361</v>
      </c>
      <c r="E114" s="2" t="s">
        <v>291</v>
      </c>
      <c r="F114" s="2" t="s">
        <v>362</v>
      </c>
      <c r="G114" s="3">
        <v>3</v>
      </c>
      <c r="H114" s="2" t="s">
        <v>86</v>
      </c>
      <c r="I114" s="3">
        <v>2011</v>
      </c>
      <c r="J114" s="2" t="s">
        <v>29</v>
      </c>
      <c r="K114" s="2"/>
      <c r="L114" s="2" t="s">
        <v>363</v>
      </c>
    </row>
    <row r="115" spans="1:12" ht="15.2" customHeight="1">
      <c r="A115" s="2" t="s">
        <v>304</v>
      </c>
      <c r="B115" s="2" t="s">
        <v>133</v>
      </c>
      <c r="C115" s="2" t="s">
        <v>289</v>
      </c>
      <c r="D115" s="2" t="s">
        <v>290</v>
      </c>
      <c r="E115" s="2" t="s">
        <v>291</v>
      </c>
      <c r="F115" s="2" t="s">
        <v>292</v>
      </c>
      <c r="G115" s="3">
        <v>2</v>
      </c>
      <c r="H115" s="2" t="s">
        <v>86</v>
      </c>
      <c r="I115" s="3">
        <v>2011</v>
      </c>
      <c r="J115" s="2" t="s">
        <v>29</v>
      </c>
      <c r="K115" s="2"/>
      <c r="L115" s="2" t="s">
        <v>293</v>
      </c>
    </row>
    <row r="116" spans="1:12" ht="15.2" customHeight="1">
      <c r="A116" s="2" t="s">
        <v>304</v>
      </c>
      <c r="B116" s="2" t="s">
        <v>134</v>
      </c>
      <c r="C116" s="2" t="s">
        <v>364</v>
      </c>
      <c r="D116" s="2" t="s">
        <v>365</v>
      </c>
      <c r="E116" s="2" t="s">
        <v>366</v>
      </c>
      <c r="F116" s="2" t="s">
        <v>367</v>
      </c>
      <c r="G116" s="3">
        <v>1</v>
      </c>
      <c r="H116" s="2" t="s">
        <v>86</v>
      </c>
      <c r="I116" s="3">
        <v>2010</v>
      </c>
      <c r="J116" s="2" t="s">
        <v>29</v>
      </c>
      <c r="K116" s="2"/>
      <c r="L116" s="2" t="s">
        <v>368</v>
      </c>
    </row>
    <row r="117" spans="1:12" ht="15.2" customHeight="1">
      <c r="A117" s="2" t="s">
        <v>304</v>
      </c>
      <c r="B117" s="2" t="s">
        <v>138</v>
      </c>
      <c r="C117" s="2"/>
      <c r="D117" s="2" t="s">
        <v>238</v>
      </c>
      <c r="E117" s="2" t="s">
        <v>200</v>
      </c>
      <c r="F117" s="2" t="s">
        <v>239</v>
      </c>
      <c r="G117" s="3">
        <v>2</v>
      </c>
      <c r="H117" s="2" t="s">
        <v>18</v>
      </c>
      <c r="I117" s="3">
        <v>2020</v>
      </c>
      <c r="J117" s="2" t="s">
        <v>202</v>
      </c>
      <c r="K117" s="2"/>
      <c r="L117" s="2" t="s">
        <v>240</v>
      </c>
    </row>
    <row r="118" spans="1:12" ht="15.2" customHeight="1">
      <c r="A118" s="2" t="s">
        <v>304</v>
      </c>
      <c r="B118" s="2" t="s">
        <v>143</v>
      </c>
      <c r="C118" s="2"/>
      <c r="D118" s="2" t="s">
        <v>199</v>
      </c>
      <c r="E118" s="2" t="s">
        <v>200</v>
      </c>
      <c r="F118" s="2" t="s">
        <v>201</v>
      </c>
      <c r="G118" s="3">
        <v>1</v>
      </c>
      <c r="H118" s="2" t="s">
        <v>18</v>
      </c>
      <c r="I118" s="3">
        <v>2020</v>
      </c>
      <c r="J118" s="2" t="s">
        <v>202</v>
      </c>
      <c r="K118" s="2"/>
      <c r="L118" s="2" t="s">
        <v>203</v>
      </c>
    </row>
    <row r="119" spans="1:12" ht="15.2" customHeight="1">
      <c r="A119" s="2" t="s">
        <v>304</v>
      </c>
      <c r="B119" s="2" t="s">
        <v>197</v>
      </c>
      <c r="C119" s="2" t="s">
        <v>305</v>
      </c>
      <c r="D119" s="2" t="s">
        <v>306</v>
      </c>
      <c r="E119" s="2" t="s">
        <v>307</v>
      </c>
      <c r="F119" s="2" t="s">
        <v>308</v>
      </c>
      <c r="G119" s="3">
        <v>1</v>
      </c>
      <c r="H119" s="2" t="s">
        <v>148</v>
      </c>
      <c r="I119" s="3">
        <v>2018</v>
      </c>
      <c r="J119" s="2" t="s">
        <v>29</v>
      </c>
      <c r="K119" s="2"/>
      <c r="L119" s="2" t="s">
        <v>309</v>
      </c>
    </row>
    <row r="120" spans="1:12" ht="15.2" customHeight="1">
      <c r="A120" s="2" t="s">
        <v>304</v>
      </c>
      <c r="B120" s="2" t="s">
        <v>151</v>
      </c>
      <c r="C120" s="2" t="s">
        <v>338</v>
      </c>
      <c r="D120" s="2" t="s">
        <v>339</v>
      </c>
      <c r="E120" s="2" t="s">
        <v>253</v>
      </c>
      <c r="F120" s="2" t="s">
        <v>340</v>
      </c>
      <c r="G120" s="3">
        <v>6</v>
      </c>
      <c r="H120" s="2" t="s">
        <v>74</v>
      </c>
      <c r="I120" s="3">
        <v>2018</v>
      </c>
      <c r="J120" s="2" t="s">
        <v>29</v>
      </c>
      <c r="K120" s="2"/>
      <c r="L120" s="2" t="s">
        <v>341</v>
      </c>
    </row>
    <row r="121" spans="1:12" ht="15.2" customHeight="1">
      <c r="A121" s="2" t="s">
        <v>304</v>
      </c>
      <c r="B121" s="2" t="s">
        <v>152</v>
      </c>
      <c r="C121" s="2" t="s">
        <v>251</v>
      </c>
      <c r="D121" s="2" t="s">
        <v>252</v>
      </c>
      <c r="E121" s="2" t="s">
        <v>253</v>
      </c>
      <c r="F121" s="2" t="s">
        <v>254</v>
      </c>
      <c r="G121" s="3">
        <v>5</v>
      </c>
      <c r="H121" s="2" t="s">
        <v>74</v>
      </c>
      <c r="I121" s="3">
        <v>2018</v>
      </c>
      <c r="J121" s="2" t="s">
        <v>29</v>
      </c>
      <c r="K121" s="2"/>
      <c r="L121" s="2" t="s">
        <v>255</v>
      </c>
    </row>
    <row r="122" spans="1:12" ht="15.2" customHeight="1">
      <c r="A122" s="2" t="s">
        <v>304</v>
      </c>
      <c r="B122" s="2" t="s">
        <v>153</v>
      </c>
      <c r="C122" s="2"/>
      <c r="D122" s="2" t="s">
        <v>346</v>
      </c>
      <c r="E122" s="2" t="s">
        <v>27</v>
      </c>
      <c r="F122" s="2" t="s">
        <v>347</v>
      </c>
      <c r="G122" s="3">
        <v>5</v>
      </c>
      <c r="H122" s="2" t="s">
        <v>18</v>
      </c>
      <c r="I122" s="3">
        <v>2020</v>
      </c>
      <c r="J122" s="2" t="s">
        <v>29</v>
      </c>
      <c r="K122" s="2"/>
      <c r="L122" s="2" t="s">
        <v>348</v>
      </c>
    </row>
    <row r="123" spans="1:12" ht="15.2" customHeight="1">
      <c r="A123" s="2" t="s">
        <v>369</v>
      </c>
      <c r="B123" s="2" t="s">
        <v>14</v>
      </c>
      <c r="C123" s="2"/>
      <c r="D123" s="2"/>
      <c r="E123" s="2" t="s">
        <v>241</v>
      </c>
      <c r="F123" s="2" t="s">
        <v>242</v>
      </c>
      <c r="G123" s="3">
        <v>1</v>
      </c>
      <c r="H123" s="2" t="s">
        <v>45</v>
      </c>
      <c r="I123" s="3">
        <v>2014</v>
      </c>
      <c r="J123" s="2" t="s">
        <v>243</v>
      </c>
      <c r="K123" s="2"/>
      <c r="L123" s="2"/>
    </row>
    <row r="124" spans="1:12" ht="15.2" customHeight="1">
      <c r="A124" s="2" t="s">
        <v>369</v>
      </c>
      <c r="B124" s="2" t="s">
        <v>21</v>
      </c>
      <c r="C124" s="2"/>
      <c r="D124" s="2" t="s">
        <v>238</v>
      </c>
      <c r="E124" s="2" t="s">
        <v>200</v>
      </c>
      <c r="F124" s="2" t="s">
        <v>239</v>
      </c>
      <c r="G124" s="3">
        <v>2</v>
      </c>
      <c r="H124" s="2" t="s">
        <v>18</v>
      </c>
      <c r="I124" s="3">
        <v>2020</v>
      </c>
      <c r="J124" s="2" t="s">
        <v>202</v>
      </c>
      <c r="K124" s="2"/>
      <c r="L124" s="2" t="s">
        <v>240</v>
      </c>
    </row>
    <row r="125" spans="1:12" ht="15.2" customHeight="1">
      <c r="A125" s="2" t="s">
        <v>369</v>
      </c>
      <c r="B125" s="2" t="s">
        <v>204</v>
      </c>
      <c r="C125" s="2" t="s">
        <v>305</v>
      </c>
      <c r="D125" s="2" t="s">
        <v>306</v>
      </c>
      <c r="E125" s="2" t="s">
        <v>307</v>
      </c>
      <c r="F125" s="2" t="s">
        <v>308</v>
      </c>
      <c r="G125" s="3">
        <v>1</v>
      </c>
      <c r="H125" s="2" t="s">
        <v>148</v>
      </c>
      <c r="I125" s="3">
        <v>2018</v>
      </c>
      <c r="J125" s="2" t="s">
        <v>29</v>
      </c>
      <c r="K125" s="2"/>
      <c r="L125" s="2" t="s">
        <v>309</v>
      </c>
    </row>
    <row r="126" spans="1:12" ht="15.2" customHeight="1">
      <c r="A126" s="2" t="s">
        <v>369</v>
      </c>
      <c r="B126" s="2" t="s">
        <v>211</v>
      </c>
      <c r="C126" s="2" t="s">
        <v>41</v>
      </c>
      <c r="D126" s="2" t="s">
        <v>42</v>
      </c>
      <c r="E126" s="2" t="s">
        <v>43</v>
      </c>
      <c r="F126" s="2" t="s">
        <v>44</v>
      </c>
      <c r="G126" s="3">
        <v>1</v>
      </c>
      <c r="H126" s="2" t="s">
        <v>45</v>
      </c>
      <c r="I126" s="3">
        <v>2011</v>
      </c>
      <c r="J126" s="2" t="s">
        <v>29</v>
      </c>
      <c r="K126" s="2"/>
      <c r="L126" s="2" t="s">
        <v>46</v>
      </c>
    </row>
    <row r="127" spans="1:12" ht="15.2" customHeight="1">
      <c r="A127" s="2" t="s">
        <v>369</v>
      </c>
      <c r="B127" s="2" t="s">
        <v>216</v>
      </c>
      <c r="C127" s="2" t="s">
        <v>48</v>
      </c>
      <c r="D127" s="2" t="s">
        <v>49</v>
      </c>
      <c r="E127" s="2" t="s">
        <v>43</v>
      </c>
      <c r="F127" s="2" t="s">
        <v>50</v>
      </c>
      <c r="G127" s="3">
        <v>2</v>
      </c>
      <c r="H127" s="2" t="s">
        <v>45</v>
      </c>
      <c r="I127" s="3">
        <v>2011</v>
      </c>
      <c r="J127" s="2" t="s">
        <v>29</v>
      </c>
      <c r="K127" s="2"/>
      <c r="L127" s="2" t="s">
        <v>51</v>
      </c>
    </row>
    <row r="128" spans="1:12" ht="15.2" customHeight="1">
      <c r="A128" s="2" t="s">
        <v>369</v>
      </c>
      <c r="B128" s="2" t="s">
        <v>221</v>
      </c>
      <c r="C128" s="2" t="s">
        <v>53</v>
      </c>
      <c r="D128" s="2" t="s">
        <v>54</v>
      </c>
      <c r="E128" s="2" t="s">
        <v>43</v>
      </c>
      <c r="F128" s="2" t="s">
        <v>55</v>
      </c>
      <c r="G128" s="3">
        <v>3</v>
      </c>
      <c r="H128" s="2" t="s">
        <v>45</v>
      </c>
      <c r="I128" s="3">
        <v>2011</v>
      </c>
      <c r="J128" s="2" t="s">
        <v>29</v>
      </c>
      <c r="K128" s="2"/>
      <c r="L128" s="2" t="s">
        <v>56</v>
      </c>
    </row>
    <row r="129" spans="1:12" ht="15.2" customHeight="1">
      <c r="A129" s="2" t="s">
        <v>369</v>
      </c>
      <c r="B129" s="2" t="s">
        <v>226</v>
      </c>
      <c r="C129" s="2" t="s">
        <v>370</v>
      </c>
      <c r="D129" s="2" t="s">
        <v>371</v>
      </c>
      <c r="E129" s="2" t="s">
        <v>100</v>
      </c>
      <c r="F129" s="2" t="s">
        <v>372</v>
      </c>
      <c r="G129" s="3">
        <v>8</v>
      </c>
      <c r="H129" s="2" t="s">
        <v>74</v>
      </c>
      <c r="I129" s="3">
        <v>2019</v>
      </c>
      <c r="J129" s="2" t="s">
        <v>29</v>
      </c>
      <c r="K129" s="2"/>
      <c r="L129" s="2" t="s">
        <v>373</v>
      </c>
    </row>
    <row r="130" spans="1:12" ht="15.2" customHeight="1">
      <c r="A130" s="2" t="s">
        <v>369</v>
      </c>
      <c r="B130" s="2" t="s">
        <v>231</v>
      </c>
      <c r="C130" s="2" t="s">
        <v>310</v>
      </c>
      <c r="D130" s="2" t="s">
        <v>311</v>
      </c>
      <c r="E130" s="2" t="s">
        <v>100</v>
      </c>
      <c r="F130" s="2" t="s">
        <v>312</v>
      </c>
      <c r="G130" s="3">
        <v>7</v>
      </c>
      <c r="H130" s="2" t="s">
        <v>74</v>
      </c>
      <c r="I130" s="3">
        <v>2019</v>
      </c>
      <c r="J130" s="2" t="s">
        <v>29</v>
      </c>
      <c r="K130" s="2"/>
      <c r="L130" s="2" t="s">
        <v>313</v>
      </c>
    </row>
    <row r="131" spans="1:12" ht="15.2" customHeight="1">
      <c r="A131" s="2" t="s">
        <v>369</v>
      </c>
      <c r="B131" s="2" t="s">
        <v>236</v>
      </c>
      <c r="C131" s="2" t="s">
        <v>374</v>
      </c>
      <c r="D131" s="2" t="s">
        <v>375</v>
      </c>
      <c r="E131" s="2" t="s">
        <v>273</v>
      </c>
      <c r="F131" s="2" t="s">
        <v>376</v>
      </c>
      <c r="G131" s="3">
        <v>5</v>
      </c>
      <c r="H131" s="2" t="s">
        <v>74</v>
      </c>
      <c r="I131" s="3">
        <v>2018</v>
      </c>
      <c r="J131" s="2" t="s">
        <v>29</v>
      </c>
      <c r="K131" s="2"/>
      <c r="L131" s="2" t="s">
        <v>377</v>
      </c>
    </row>
    <row r="132" spans="1:12" ht="15.2" customHeight="1">
      <c r="A132" s="2" t="s">
        <v>369</v>
      </c>
      <c r="B132" s="2" t="s">
        <v>237</v>
      </c>
      <c r="C132" s="2" t="s">
        <v>378</v>
      </c>
      <c r="D132" s="2" t="s">
        <v>379</v>
      </c>
      <c r="E132" s="2" t="s">
        <v>273</v>
      </c>
      <c r="F132" s="2" t="s">
        <v>380</v>
      </c>
      <c r="G132" s="3">
        <v>6</v>
      </c>
      <c r="H132" s="2" t="s">
        <v>74</v>
      </c>
      <c r="I132" s="3">
        <v>2018</v>
      </c>
      <c r="J132" s="2" t="s">
        <v>29</v>
      </c>
      <c r="K132" s="2"/>
      <c r="L132" s="2" t="s">
        <v>381</v>
      </c>
    </row>
    <row r="133" spans="1:12" ht="15.2" customHeight="1">
      <c r="A133" s="2" t="s">
        <v>369</v>
      </c>
      <c r="B133" s="2" t="s">
        <v>69</v>
      </c>
      <c r="C133" s="2" t="s">
        <v>382</v>
      </c>
      <c r="D133" s="2" t="s">
        <v>383</v>
      </c>
      <c r="E133" s="2" t="s">
        <v>273</v>
      </c>
      <c r="F133" s="2" t="s">
        <v>384</v>
      </c>
      <c r="G133" s="3">
        <v>7</v>
      </c>
      <c r="H133" s="2" t="s">
        <v>74</v>
      </c>
      <c r="I133" s="3">
        <v>2018</v>
      </c>
      <c r="J133" s="2" t="s">
        <v>29</v>
      </c>
      <c r="K133" s="2"/>
      <c r="L133" s="2"/>
    </row>
    <row r="134" spans="1:12" ht="15.2" customHeight="1">
      <c r="A134" s="2" t="s">
        <v>369</v>
      </c>
      <c r="B134" s="2" t="s">
        <v>76</v>
      </c>
      <c r="C134" s="2" t="s">
        <v>385</v>
      </c>
      <c r="D134" s="2" t="s">
        <v>386</v>
      </c>
      <c r="E134" s="2" t="s">
        <v>387</v>
      </c>
      <c r="F134" s="2" t="s">
        <v>388</v>
      </c>
      <c r="G134" s="3">
        <v>2</v>
      </c>
      <c r="H134" s="2" t="s">
        <v>86</v>
      </c>
      <c r="I134" s="3">
        <v>2009</v>
      </c>
      <c r="J134" s="2" t="s">
        <v>29</v>
      </c>
      <c r="K134" s="2"/>
      <c r="L134" s="2" t="s">
        <v>389</v>
      </c>
    </row>
    <row r="135" spans="1:12" ht="15.2" customHeight="1">
      <c r="A135" s="2" t="s">
        <v>369</v>
      </c>
      <c r="B135" s="2" t="s">
        <v>244</v>
      </c>
      <c r="C135" s="2" t="s">
        <v>390</v>
      </c>
      <c r="D135" s="2" t="s">
        <v>391</v>
      </c>
      <c r="E135" s="2" t="s">
        <v>335</v>
      </c>
      <c r="F135" s="2" t="s">
        <v>392</v>
      </c>
      <c r="G135" s="3">
        <v>2</v>
      </c>
      <c r="H135" s="2" t="s">
        <v>45</v>
      </c>
      <c r="I135" s="3">
        <v>2018</v>
      </c>
      <c r="J135" s="2" t="s">
        <v>249</v>
      </c>
      <c r="K135" s="2"/>
      <c r="L135" s="2" t="s">
        <v>393</v>
      </c>
    </row>
    <row r="136" spans="1:12" ht="15.2" customHeight="1">
      <c r="A136" s="2" t="s">
        <v>369</v>
      </c>
      <c r="B136" s="2" t="s">
        <v>88</v>
      </c>
      <c r="C136" s="2" t="s">
        <v>394</v>
      </c>
      <c r="D136" s="2" t="s">
        <v>395</v>
      </c>
      <c r="E136" s="2" t="s">
        <v>396</v>
      </c>
      <c r="F136" s="2" t="s">
        <v>397</v>
      </c>
      <c r="G136" s="3">
        <v>1</v>
      </c>
      <c r="H136" s="2" t="s">
        <v>18</v>
      </c>
      <c r="I136" s="3">
        <v>2017</v>
      </c>
      <c r="J136" s="2" t="s">
        <v>29</v>
      </c>
      <c r="K136" s="2"/>
      <c r="L136" s="2" t="s">
        <v>398</v>
      </c>
    </row>
    <row r="137" spans="1:12" ht="15.2" customHeight="1">
      <c r="A137" s="2" t="s">
        <v>369</v>
      </c>
      <c r="B137" s="2" t="s">
        <v>256</v>
      </c>
      <c r="C137" s="2" t="s">
        <v>338</v>
      </c>
      <c r="D137" s="2" t="s">
        <v>339</v>
      </c>
      <c r="E137" s="2" t="s">
        <v>253</v>
      </c>
      <c r="F137" s="2" t="s">
        <v>340</v>
      </c>
      <c r="G137" s="3">
        <v>6</v>
      </c>
      <c r="H137" s="2" t="s">
        <v>74</v>
      </c>
      <c r="I137" s="3">
        <v>2018</v>
      </c>
      <c r="J137" s="2" t="s">
        <v>29</v>
      </c>
      <c r="K137" s="2"/>
      <c r="L137" s="2" t="s">
        <v>341</v>
      </c>
    </row>
    <row r="138" spans="1:12" ht="15.2" customHeight="1">
      <c r="A138" s="2" t="s">
        <v>369</v>
      </c>
      <c r="B138" s="2" t="s">
        <v>261</v>
      </c>
      <c r="C138" s="2" t="s">
        <v>399</v>
      </c>
      <c r="D138" s="2" t="s">
        <v>400</v>
      </c>
      <c r="E138" s="2" t="s">
        <v>27</v>
      </c>
      <c r="F138" s="2" t="s">
        <v>401</v>
      </c>
      <c r="G138" s="3">
        <v>5</v>
      </c>
      <c r="H138" s="2" t="s">
        <v>18</v>
      </c>
      <c r="I138" s="3">
        <v>2018</v>
      </c>
      <c r="J138" s="2" t="s">
        <v>29</v>
      </c>
      <c r="K138" s="2"/>
      <c r="L138" s="2" t="s">
        <v>402</v>
      </c>
    </row>
    <row r="139" spans="1:12" ht="15.2" customHeight="1">
      <c r="A139" s="2" t="s">
        <v>369</v>
      </c>
      <c r="B139" s="2" t="s">
        <v>266</v>
      </c>
      <c r="C139" s="2" t="s">
        <v>342</v>
      </c>
      <c r="D139" s="2" t="s">
        <v>343</v>
      </c>
      <c r="E139" s="2" t="s">
        <v>27</v>
      </c>
      <c r="F139" s="2" t="s">
        <v>344</v>
      </c>
      <c r="G139" s="3">
        <v>4</v>
      </c>
      <c r="H139" s="2" t="s">
        <v>18</v>
      </c>
      <c r="I139" s="3">
        <v>2018</v>
      </c>
      <c r="J139" s="2" t="s">
        <v>29</v>
      </c>
      <c r="K139" s="2"/>
      <c r="L139" s="2" t="s">
        <v>345</v>
      </c>
    </row>
    <row r="140" spans="1:12" ht="15.2" customHeight="1">
      <c r="A140" s="2" t="s">
        <v>369</v>
      </c>
      <c r="B140" s="2" t="s">
        <v>108</v>
      </c>
      <c r="C140" s="2" t="s">
        <v>403</v>
      </c>
      <c r="D140" s="2" t="s">
        <v>404</v>
      </c>
      <c r="E140" s="2" t="s">
        <v>43</v>
      </c>
      <c r="F140" s="2" t="s">
        <v>405</v>
      </c>
      <c r="G140" s="3">
        <v>4</v>
      </c>
      <c r="H140" s="2" t="s">
        <v>45</v>
      </c>
      <c r="I140" s="3">
        <v>2011</v>
      </c>
      <c r="J140" s="2" t="s">
        <v>29</v>
      </c>
      <c r="K140" s="2"/>
      <c r="L140" s="2" t="s">
        <v>406</v>
      </c>
    </row>
    <row r="141" spans="1:12" ht="15.2" customHeight="1">
      <c r="A141" s="2" t="s">
        <v>369</v>
      </c>
      <c r="B141" s="2" t="s">
        <v>114</v>
      </c>
      <c r="C141" s="2" t="s">
        <v>407</v>
      </c>
      <c r="D141" s="2" t="s">
        <v>408</v>
      </c>
      <c r="E141" s="2" t="s">
        <v>43</v>
      </c>
      <c r="F141" s="2" t="s">
        <v>409</v>
      </c>
      <c r="G141" s="3">
        <v>5</v>
      </c>
      <c r="H141" s="2" t="s">
        <v>45</v>
      </c>
      <c r="I141" s="3">
        <v>2011</v>
      </c>
      <c r="J141" s="2" t="s">
        <v>29</v>
      </c>
      <c r="K141" s="2"/>
      <c r="L141" s="2" t="s">
        <v>410</v>
      </c>
    </row>
    <row r="142" spans="1:12" ht="15.2" customHeight="1">
      <c r="A142" s="2" t="s">
        <v>369</v>
      </c>
      <c r="B142" s="2" t="s">
        <v>195</v>
      </c>
      <c r="C142" s="2" t="s">
        <v>411</v>
      </c>
      <c r="D142" s="2" t="s">
        <v>412</v>
      </c>
      <c r="E142" s="2" t="s">
        <v>43</v>
      </c>
      <c r="F142" s="2" t="s">
        <v>413</v>
      </c>
      <c r="G142" s="3">
        <v>6</v>
      </c>
      <c r="H142" s="2" t="s">
        <v>45</v>
      </c>
      <c r="I142" s="3">
        <v>2011</v>
      </c>
      <c r="J142" s="2" t="s">
        <v>29</v>
      </c>
      <c r="K142" s="2"/>
      <c r="L142" s="2" t="s">
        <v>414</v>
      </c>
    </row>
    <row r="143" spans="1:12" ht="15.2" customHeight="1">
      <c r="A143" s="2" t="s">
        <v>369</v>
      </c>
      <c r="B143" s="2" t="s">
        <v>127</v>
      </c>
      <c r="C143" s="2" t="s">
        <v>415</v>
      </c>
      <c r="D143" s="2" t="s">
        <v>416</v>
      </c>
      <c r="E143" s="2" t="s">
        <v>43</v>
      </c>
      <c r="F143" s="2" t="s">
        <v>417</v>
      </c>
      <c r="G143" s="3">
        <v>2</v>
      </c>
      <c r="H143" s="2" t="s">
        <v>45</v>
      </c>
      <c r="I143" s="3">
        <v>2013</v>
      </c>
      <c r="J143" s="2" t="s">
        <v>29</v>
      </c>
      <c r="K143" s="2"/>
      <c r="L143" s="2" t="s">
        <v>418</v>
      </c>
    </row>
    <row r="144" spans="1:12" ht="15.2" customHeight="1">
      <c r="A144" s="2" t="s">
        <v>369</v>
      </c>
      <c r="B144" s="2" t="s">
        <v>132</v>
      </c>
      <c r="C144" s="2" t="s">
        <v>419</v>
      </c>
      <c r="D144" s="2" t="s">
        <v>420</v>
      </c>
      <c r="E144" s="2" t="s">
        <v>291</v>
      </c>
      <c r="F144" s="2" t="s">
        <v>421</v>
      </c>
      <c r="G144" s="3">
        <v>4</v>
      </c>
      <c r="H144" s="2" t="s">
        <v>86</v>
      </c>
      <c r="I144" s="3">
        <v>2011</v>
      </c>
      <c r="J144" s="2" t="s">
        <v>29</v>
      </c>
      <c r="K144" s="2"/>
      <c r="L144" s="2" t="s">
        <v>422</v>
      </c>
    </row>
    <row r="145" spans="1:12" ht="15.2" customHeight="1">
      <c r="A145" s="2" t="s">
        <v>369</v>
      </c>
      <c r="B145" s="2" t="s">
        <v>133</v>
      </c>
      <c r="C145" s="2" t="s">
        <v>360</v>
      </c>
      <c r="D145" s="2" t="s">
        <v>361</v>
      </c>
      <c r="E145" s="2" t="s">
        <v>291</v>
      </c>
      <c r="F145" s="2" t="s">
        <v>362</v>
      </c>
      <c r="G145" s="3">
        <v>3</v>
      </c>
      <c r="H145" s="2" t="s">
        <v>86</v>
      </c>
      <c r="I145" s="3">
        <v>2011</v>
      </c>
      <c r="J145" s="2" t="s">
        <v>29</v>
      </c>
      <c r="K145" s="2"/>
      <c r="L145" s="2" t="s">
        <v>363</v>
      </c>
    </row>
    <row r="146" spans="1:12" ht="15.2" customHeight="1">
      <c r="A146" s="2" t="s">
        <v>369</v>
      </c>
      <c r="B146" s="2" t="s">
        <v>134</v>
      </c>
      <c r="C146" s="2" t="s">
        <v>423</v>
      </c>
      <c r="D146" s="2" t="s">
        <v>424</v>
      </c>
      <c r="E146" s="2" t="s">
        <v>366</v>
      </c>
      <c r="F146" s="2" t="s">
        <v>425</v>
      </c>
      <c r="G146" s="3">
        <v>2</v>
      </c>
      <c r="H146" s="2" t="s">
        <v>86</v>
      </c>
      <c r="I146" s="3">
        <v>2010</v>
      </c>
      <c r="J146" s="2" t="s">
        <v>29</v>
      </c>
      <c r="K146" s="2"/>
      <c r="L146" s="2" t="s">
        <v>426</v>
      </c>
    </row>
    <row r="147" spans="1:12" ht="15.2" customHeight="1">
      <c r="A147" s="2" t="s">
        <v>369</v>
      </c>
      <c r="B147" s="2" t="s">
        <v>138</v>
      </c>
      <c r="C147" s="2"/>
      <c r="D147" s="2"/>
      <c r="E147" s="2" t="s">
        <v>241</v>
      </c>
      <c r="F147" s="2" t="s">
        <v>242</v>
      </c>
      <c r="G147" s="3">
        <v>1</v>
      </c>
      <c r="H147" s="2" t="s">
        <v>45</v>
      </c>
      <c r="I147" s="3">
        <v>2014</v>
      </c>
      <c r="J147" s="2" t="s">
        <v>243</v>
      </c>
      <c r="K147" s="2"/>
      <c r="L147" s="2"/>
    </row>
    <row r="148" spans="1:12" ht="15.2" customHeight="1">
      <c r="A148" s="2" t="s">
        <v>369</v>
      </c>
      <c r="B148" s="2" t="s">
        <v>143</v>
      </c>
      <c r="C148" s="2"/>
      <c r="D148" s="2" t="s">
        <v>238</v>
      </c>
      <c r="E148" s="2" t="s">
        <v>200</v>
      </c>
      <c r="F148" s="2" t="s">
        <v>239</v>
      </c>
      <c r="G148" s="3">
        <v>2</v>
      </c>
      <c r="H148" s="2" t="s">
        <v>18</v>
      </c>
      <c r="I148" s="3">
        <v>2020</v>
      </c>
      <c r="J148" s="2" t="s">
        <v>202</v>
      </c>
      <c r="K148" s="2"/>
      <c r="L148" s="2" t="s">
        <v>240</v>
      </c>
    </row>
    <row r="149" spans="1:12" ht="15.2" customHeight="1">
      <c r="A149" s="2" t="s">
        <v>369</v>
      </c>
      <c r="B149" s="2" t="s">
        <v>197</v>
      </c>
      <c r="C149" s="2" t="s">
        <v>427</v>
      </c>
      <c r="D149" s="2" t="s">
        <v>428</v>
      </c>
      <c r="E149" s="2" t="s">
        <v>307</v>
      </c>
      <c r="F149" s="2" t="s">
        <v>429</v>
      </c>
      <c r="G149" s="3">
        <v>2</v>
      </c>
      <c r="H149" s="2" t="s">
        <v>148</v>
      </c>
      <c r="I149" s="3">
        <v>2018</v>
      </c>
      <c r="J149" s="2" t="s">
        <v>29</v>
      </c>
      <c r="K149" s="2"/>
      <c r="L149" s="2" t="s">
        <v>430</v>
      </c>
    </row>
    <row r="150" spans="1:12" ht="15.2" customHeight="1">
      <c r="A150" s="2" t="s">
        <v>369</v>
      </c>
      <c r="B150" s="2" t="s">
        <v>151</v>
      </c>
      <c r="C150" s="2" t="s">
        <v>394</v>
      </c>
      <c r="D150" s="2" t="s">
        <v>395</v>
      </c>
      <c r="E150" s="2" t="s">
        <v>396</v>
      </c>
      <c r="F150" s="2" t="s">
        <v>397</v>
      </c>
      <c r="G150" s="3">
        <v>1</v>
      </c>
      <c r="H150" s="2" t="s">
        <v>18</v>
      </c>
      <c r="I150" s="3">
        <v>2017</v>
      </c>
      <c r="J150" s="2" t="s">
        <v>29</v>
      </c>
      <c r="K150" s="2"/>
      <c r="L150" s="2" t="s">
        <v>398</v>
      </c>
    </row>
    <row r="151" spans="1:12" ht="15.2" customHeight="1">
      <c r="A151" s="2" t="s">
        <v>369</v>
      </c>
      <c r="B151" s="2" t="s">
        <v>152</v>
      </c>
      <c r="C151" s="2" t="s">
        <v>338</v>
      </c>
      <c r="D151" s="2" t="s">
        <v>339</v>
      </c>
      <c r="E151" s="2" t="s">
        <v>253</v>
      </c>
      <c r="F151" s="2" t="s">
        <v>340</v>
      </c>
      <c r="G151" s="3">
        <v>6</v>
      </c>
      <c r="H151" s="2" t="s">
        <v>74</v>
      </c>
      <c r="I151" s="3">
        <v>2018</v>
      </c>
      <c r="J151" s="2" t="s">
        <v>29</v>
      </c>
      <c r="K151" s="2"/>
      <c r="L151" s="2" t="s">
        <v>341</v>
      </c>
    </row>
    <row r="152" spans="1:12" ht="15.2" customHeight="1">
      <c r="A152" s="2" t="s">
        <v>369</v>
      </c>
      <c r="B152" s="2" t="s">
        <v>153</v>
      </c>
      <c r="C152" s="2" t="s">
        <v>403</v>
      </c>
      <c r="D152" s="2" t="s">
        <v>404</v>
      </c>
      <c r="E152" s="2" t="s">
        <v>43</v>
      </c>
      <c r="F152" s="2" t="s">
        <v>405</v>
      </c>
      <c r="G152" s="3">
        <v>4</v>
      </c>
      <c r="H152" s="2" t="s">
        <v>45</v>
      </c>
      <c r="I152" s="3">
        <v>2011</v>
      </c>
      <c r="J152" s="2" t="s">
        <v>29</v>
      </c>
      <c r="K152" s="2"/>
      <c r="L152" s="2" t="s">
        <v>406</v>
      </c>
    </row>
    <row r="153" spans="1:12" ht="15.2" customHeight="1">
      <c r="A153" s="2" t="s">
        <v>431</v>
      </c>
      <c r="B153" s="2" t="s">
        <v>14</v>
      </c>
      <c r="C153" s="2"/>
      <c r="D153" s="2" t="s">
        <v>15</v>
      </c>
      <c r="E153" s="2" t="s">
        <v>16</v>
      </c>
      <c r="F153" s="2" t="s">
        <v>17</v>
      </c>
      <c r="G153" s="3">
        <v>1</v>
      </c>
      <c r="H153" s="2" t="s">
        <v>18</v>
      </c>
      <c r="I153" s="3">
        <v>2020</v>
      </c>
      <c r="J153" s="2" t="s">
        <v>19</v>
      </c>
      <c r="K153" s="2"/>
      <c r="L153" s="2" t="s">
        <v>20</v>
      </c>
    </row>
    <row r="154" spans="1:12" ht="15.2" customHeight="1">
      <c r="A154" s="2" t="s">
        <v>431</v>
      </c>
      <c r="B154" s="2" t="s">
        <v>21</v>
      </c>
      <c r="C154" s="2"/>
      <c r="D154" s="2"/>
      <c r="E154" s="2" t="s">
        <v>241</v>
      </c>
      <c r="F154" s="2" t="s">
        <v>242</v>
      </c>
      <c r="G154" s="3">
        <v>1</v>
      </c>
      <c r="H154" s="2" t="s">
        <v>45</v>
      </c>
      <c r="I154" s="3">
        <v>2014</v>
      </c>
      <c r="J154" s="2" t="s">
        <v>243</v>
      </c>
      <c r="K154" s="2"/>
      <c r="L154" s="2"/>
    </row>
    <row r="155" spans="1:12" ht="15.2" customHeight="1">
      <c r="A155" s="2" t="s">
        <v>431</v>
      </c>
      <c r="B155" s="2" t="s">
        <v>204</v>
      </c>
      <c r="C155" s="2" t="s">
        <v>427</v>
      </c>
      <c r="D155" s="2" t="s">
        <v>428</v>
      </c>
      <c r="E155" s="2" t="s">
        <v>307</v>
      </c>
      <c r="F155" s="2" t="s">
        <v>429</v>
      </c>
      <c r="G155" s="3">
        <v>2</v>
      </c>
      <c r="H155" s="2" t="s">
        <v>148</v>
      </c>
      <c r="I155" s="3">
        <v>2018</v>
      </c>
      <c r="J155" s="2" t="s">
        <v>29</v>
      </c>
      <c r="K155" s="2"/>
      <c r="L155" s="2" t="s">
        <v>430</v>
      </c>
    </row>
    <row r="156" spans="1:12" ht="15.2" customHeight="1">
      <c r="A156" s="2" t="s">
        <v>431</v>
      </c>
      <c r="B156" s="2" t="s">
        <v>211</v>
      </c>
      <c r="C156" s="2" t="s">
        <v>109</v>
      </c>
      <c r="D156" s="2" t="s">
        <v>110</v>
      </c>
      <c r="E156" s="2" t="s">
        <v>111</v>
      </c>
      <c r="F156" s="2" t="s">
        <v>112</v>
      </c>
      <c r="G156" s="3">
        <v>2</v>
      </c>
      <c r="H156" s="2" t="s">
        <v>74</v>
      </c>
      <c r="I156" s="3">
        <v>2019</v>
      </c>
      <c r="J156" s="2" t="s">
        <v>29</v>
      </c>
      <c r="K156" s="2"/>
      <c r="L156" s="2" t="s">
        <v>113</v>
      </c>
    </row>
    <row r="157" spans="1:12" ht="15.2" customHeight="1">
      <c r="A157" s="2" t="s">
        <v>431</v>
      </c>
      <c r="B157" s="2" t="s">
        <v>216</v>
      </c>
      <c r="C157" s="2" t="s">
        <v>115</v>
      </c>
      <c r="D157" s="2" t="s">
        <v>116</v>
      </c>
      <c r="E157" s="2" t="s">
        <v>117</v>
      </c>
      <c r="F157" s="2" t="s">
        <v>118</v>
      </c>
      <c r="G157" s="3">
        <v>1</v>
      </c>
      <c r="H157" s="2" t="s">
        <v>18</v>
      </c>
      <c r="I157" s="3">
        <v>2016</v>
      </c>
      <c r="J157" s="2" t="s">
        <v>29</v>
      </c>
      <c r="K157" s="2"/>
      <c r="L157" s="2" t="s">
        <v>119</v>
      </c>
    </row>
    <row r="158" spans="1:12" ht="15.2" customHeight="1">
      <c r="A158" s="2" t="s">
        <v>431</v>
      </c>
      <c r="B158" s="2" t="s">
        <v>221</v>
      </c>
      <c r="C158" s="2" t="s">
        <v>432</v>
      </c>
      <c r="D158" s="2" t="s">
        <v>433</v>
      </c>
      <c r="E158" s="2" t="s">
        <v>123</v>
      </c>
      <c r="F158" s="2" t="s">
        <v>434</v>
      </c>
      <c r="G158" s="3">
        <v>2</v>
      </c>
      <c r="H158" s="2" t="s">
        <v>74</v>
      </c>
      <c r="I158" s="3">
        <v>2019</v>
      </c>
      <c r="J158" s="2" t="s">
        <v>29</v>
      </c>
      <c r="K158" s="2"/>
      <c r="L158" s="2" t="s">
        <v>435</v>
      </c>
    </row>
    <row r="159" spans="1:12" ht="15.2" customHeight="1">
      <c r="A159" s="2" t="s">
        <v>431</v>
      </c>
      <c r="B159" s="2" t="s">
        <v>226</v>
      </c>
      <c r="C159" s="2" t="s">
        <v>436</v>
      </c>
      <c r="D159" s="2" t="s">
        <v>437</v>
      </c>
      <c r="E159" s="2" t="s">
        <v>100</v>
      </c>
      <c r="F159" s="2" t="s">
        <v>438</v>
      </c>
      <c r="G159" s="3">
        <v>9</v>
      </c>
      <c r="H159" s="2" t="s">
        <v>74</v>
      </c>
      <c r="I159" s="3">
        <v>2019</v>
      </c>
      <c r="J159" s="2" t="s">
        <v>29</v>
      </c>
      <c r="K159" s="2"/>
      <c r="L159" s="2" t="s">
        <v>439</v>
      </c>
    </row>
    <row r="160" spans="1:12" ht="15.2" customHeight="1">
      <c r="A160" s="2" t="s">
        <v>431</v>
      </c>
      <c r="B160" s="2" t="s">
        <v>231</v>
      </c>
      <c r="C160" s="2" t="s">
        <v>370</v>
      </c>
      <c r="D160" s="2" t="s">
        <v>371</v>
      </c>
      <c r="E160" s="2" t="s">
        <v>100</v>
      </c>
      <c r="F160" s="2" t="s">
        <v>372</v>
      </c>
      <c r="G160" s="3">
        <v>8</v>
      </c>
      <c r="H160" s="2" t="s">
        <v>74</v>
      </c>
      <c r="I160" s="3">
        <v>2019</v>
      </c>
      <c r="J160" s="2" t="s">
        <v>29</v>
      </c>
      <c r="K160" s="2"/>
      <c r="L160" s="2" t="s">
        <v>373</v>
      </c>
    </row>
    <row r="161" spans="1:12" ht="15.2" customHeight="1">
      <c r="A161" s="2" t="s">
        <v>431</v>
      </c>
      <c r="B161" s="2" t="s">
        <v>236</v>
      </c>
      <c r="C161" s="2" t="s">
        <v>440</v>
      </c>
      <c r="D161" s="2" t="s">
        <v>441</v>
      </c>
      <c r="E161" s="2" t="s">
        <v>442</v>
      </c>
      <c r="F161" s="2" t="s">
        <v>443</v>
      </c>
      <c r="G161" s="3">
        <v>4</v>
      </c>
      <c r="H161" s="2" t="s">
        <v>18</v>
      </c>
      <c r="I161" s="3">
        <v>2012</v>
      </c>
      <c r="J161" s="2" t="s">
        <v>444</v>
      </c>
      <c r="K161" s="2"/>
      <c r="L161" s="2" t="s">
        <v>445</v>
      </c>
    </row>
    <row r="162" spans="1:12" ht="15.2" customHeight="1">
      <c r="A162" s="2" t="s">
        <v>431</v>
      </c>
      <c r="B162" s="2" t="s">
        <v>237</v>
      </c>
      <c r="C162" s="2" t="s">
        <v>446</v>
      </c>
      <c r="D162" s="2" t="s">
        <v>447</v>
      </c>
      <c r="E162" s="2" t="s">
        <v>442</v>
      </c>
      <c r="F162" s="2" t="s">
        <v>448</v>
      </c>
      <c r="G162" s="3">
        <v>5</v>
      </c>
      <c r="H162" s="2" t="s">
        <v>18</v>
      </c>
      <c r="I162" s="3">
        <v>2012</v>
      </c>
      <c r="J162" s="2" t="s">
        <v>444</v>
      </c>
      <c r="K162" s="2"/>
      <c r="L162" s="2" t="s">
        <v>449</v>
      </c>
    </row>
    <row r="163" spans="1:12" ht="15.2" customHeight="1">
      <c r="A163" s="2" t="s">
        <v>431</v>
      </c>
      <c r="B163" s="2" t="s">
        <v>69</v>
      </c>
      <c r="C163" s="2" t="s">
        <v>450</v>
      </c>
      <c r="D163" s="2" t="s">
        <v>451</v>
      </c>
      <c r="E163" s="2" t="s">
        <v>442</v>
      </c>
      <c r="F163" s="2" t="s">
        <v>452</v>
      </c>
      <c r="G163" s="3">
        <v>1</v>
      </c>
      <c r="H163" s="2" t="s">
        <v>18</v>
      </c>
      <c r="I163" s="3">
        <v>2012</v>
      </c>
      <c r="J163" s="2" t="s">
        <v>444</v>
      </c>
      <c r="K163" s="2"/>
      <c r="L163" s="2" t="s">
        <v>453</v>
      </c>
    </row>
    <row r="164" spans="1:12" ht="15.2" customHeight="1">
      <c r="A164" s="2" t="s">
        <v>431</v>
      </c>
      <c r="B164" s="2" t="s">
        <v>76</v>
      </c>
      <c r="C164" s="2" t="s">
        <v>454</v>
      </c>
      <c r="D164" s="2" t="s">
        <v>455</v>
      </c>
      <c r="E164" s="2" t="s">
        <v>456</v>
      </c>
      <c r="F164" s="2" t="s">
        <v>457</v>
      </c>
      <c r="G164" s="3">
        <v>1</v>
      </c>
      <c r="H164" s="2" t="s">
        <v>45</v>
      </c>
      <c r="I164" s="3">
        <v>2007</v>
      </c>
      <c r="J164" s="2" t="s">
        <v>29</v>
      </c>
      <c r="K164" s="2"/>
      <c r="L164" s="2" t="s">
        <v>458</v>
      </c>
    </row>
    <row r="165" spans="1:12" ht="15.2" customHeight="1">
      <c r="A165" s="2" t="s">
        <v>431</v>
      </c>
      <c r="B165" s="2" t="s">
        <v>244</v>
      </c>
      <c r="C165" s="2" t="s">
        <v>459</v>
      </c>
      <c r="D165" s="2" t="s">
        <v>460</v>
      </c>
      <c r="E165" s="2" t="s">
        <v>335</v>
      </c>
      <c r="F165" s="2" t="s">
        <v>461</v>
      </c>
      <c r="G165" s="3">
        <v>3</v>
      </c>
      <c r="H165" s="2" t="s">
        <v>45</v>
      </c>
      <c r="I165" s="3">
        <v>2018</v>
      </c>
      <c r="J165" s="2" t="s">
        <v>249</v>
      </c>
      <c r="K165" s="2"/>
      <c r="L165" s="2" t="s">
        <v>462</v>
      </c>
    </row>
    <row r="166" spans="1:12" ht="15.2" customHeight="1">
      <c r="A166" s="2" t="s">
        <v>431</v>
      </c>
      <c r="B166" s="2" t="s">
        <v>88</v>
      </c>
      <c r="C166" s="2" t="s">
        <v>463</v>
      </c>
      <c r="D166" s="2" t="s">
        <v>464</v>
      </c>
      <c r="E166" s="2" t="s">
        <v>396</v>
      </c>
      <c r="F166" s="2" t="s">
        <v>465</v>
      </c>
      <c r="G166" s="3">
        <v>2</v>
      </c>
      <c r="H166" s="2" t="s">
        <v>18</v>
      </c>
      <c r="I166" s="3">
        <v>2017</v>
      </c>
      <c r="J166" s="2" t="s">
        <v>29</v>
      </c>
      <c r="K166" s="2"/>
      <c r="L166" s="2" t="s">
        <v>466</v>
      </c>
    </row>
    <row r="167" spans="1:12" ht="15.2" customHeight="1">
      <c r="A167" s="2" t="s">
        <v>431</v>
      </c>
      <c r="B167" s="2" t="s">
        <v>256</v>
      </c>
      <c r="C167" s="2" t="s">
        <v>394</v>
      </c>
      <c r="D167" s="2" t="s">
        <v>395</v>
      </c>
      <c r="E167" s="2" t="s">
        <v>396</v>
      </c>
      <c r="F167" s="2" t="s">
        <v>397</v>
      </c>
      <c r="G167" s="3">
        <v>1</v>
      </c>
      <c r="H167" s="2" t="s">
        <v>18</v>
      </c>
      <c r="I167" s="3">
        <v>2017</v>
      </c>
      <c r="J167" s="2" t="s">
        <v>29</v>
      </c>
      <c r="K167" s="2"/>
      <c r="L167" s="2" t="s">
        <v>398</v>
      </c>
    </row>
    <row r="168" spans="1:12" ht="15.2" customHeight="1">
      <c r="A168" s="2" t="s">
        <v>431</v>
      </c>
      <c r="B168" s="2" t="s">
        <v>261</v>
      </c>
      <c r="C168" s="2" t="s">
        <v>467</v>
      </c>
      <c r="D168" s="2" t="s">
        <v>468</v>
      </c>
      <c r="E168" s="2" t="s">
        <v>27</v>
      </c>
      <c r="F168" s="2" t="s">
        <v>469</v>
      </c>
      <c r="G168" s="3">
        <v>6</v>
      </c>
      <c r="H168" s="2" t="s">
        <v>18</v>
      </c>
      <c r="I168" s="3">
        <v>2018</v>
      </c>
      <c r="J168" s="2" t="s">
        <v>29</v>
      </c>
      <c r="K168" s="2"/>
      <c r="L168" s="2" t="s">
        <v>470</v>
      </c>
    </row>
    <row r="169" spans="1:12" ht="15.2" customHeight="1">
      <c r="A169" s="2" t="s">
        <v>431</v>
      </c>
      <c r="B169" s="2" t="s">
        <v>266</v>
      </c>
      <c r="C169" s="2" t="s">
        <v>399</v>
      </c>
      <c r="D169" s="2" t="s">
        <v>400</v>
      </c>
      <c r="E169" s="2" t="s">
        <v>27</v>
      </c>
      <c r="F169" s="2" t="s">
        <v>401</v>
      </c>
      <c r="G169" s="3">
        <v>5</v>
      </c>
      <c r="H169" s="2" t="s">
        <v>18</v>
      </c>
      <c r="I169" s="3">
        <v>2018</v>
      </c>
      <c r="J169" s="2" t="s">
        <v>29</v>
      </c>
      <c r="K169" s="2"/>
      <c r="L169" s="2" t="s">
        <v>402</v>
      </c>
    </row>
    <row r="170" spans="1:12" s="8" customFormat="1" ht="51">
      <c r="A170" s="7" t="s">
        <v>431</v>
      </c>
      <c r="B170" s="7" t="s">
        <v>108</v>
      </c>
      <c r="C170" s="7"/>
      <c r="D170" s="7" t="s">
        <v>471</v>
      </c>
      <c r="E170" s="7" t="s">
        <v>472</v>
      </c>
      <c r="F170" s="7" t="s">
        <v>473</v>
      </c>
      <c r="G170" s="7">
        <v>1</v>
      </c>
      <c r="H170" s="7" t="s">
        <v>45</v>
      </c>
      <c r="I170" s="7">
        <v>2020</v>
      </c>
      <c r="J170" s="7" t="s">
        <v>29</v>
      </c>
      <c r="K170" s="7"/>
      <c r="L170" s="7" t="s">
        <v>474</v>
      </c>
    </row>
    <row r="171" spans="1:12" ht="15.2" customHeight="1">
      <c r="A171" s="2" t="s">
        <v>431</v>
      </c>
      <c r="B171" s="2" t="s">
        <v>114</v>
      </c>
      <c r="C171" s="2"/>
      <c r="D171" s="2"/>
      <c r="E171" s="2" t="s">
        <v>472</v>
      </c>
      <c r="F171" s="2" t="s">
        <v>475</v>
      </c>
      <c r="G171" s="3">
        <v>2</v>
      </c>
      <c r="H171" s="2" t="s">
        <v>45</v>
      </c>
      <c r="I171" s="3">
        <v>2020</v>
      </c>
      <c r="J171" s="2" t="s">
        <v>29</v>
      </c>
      <c r="K171" s="2"/>
      <c r="L171" s="2" t="s">
        <v>476</v>
      </c>
    </row>
    <row r="172" spans="1:12" ht="15.2" customHeight="1">
      <c r="A172" s="2" t="s">
        <v>431</v>
      </c>
      <c r="B172" s="2" t="s">
        <v>195</v>
      </c>
      <c r="C172" s="2" t="s">
        <v>477</v>
      </c>
      <c r="D172" s="2" t="s">
        <v>478</v>
      </c>
      <c r="E172" s="2" t="s">
        <v>100</v>
      </c>
      <c r="F172" s="2" t="s">
        <v>479</v>
      </c>
      <c r="G172" s="3">
        <v>7</v>
      </c>
      <c r="H172" s="2" t="s">
        <v>74</v>
      </c>
      <c r="I172" s="3">
        <v>2018</v>
      </c>
      <c r="J172" s="2" t="s">
        <v>29</v>
      </c>
      <c r="K172" s="2"/>
      <c r="L172" s="2" t="s">
        <v>480</v>
      </c>
    </row>
    <row r="173" spans="1:12" ht="15.2" customHeight="1">
      <c r="A173" s="2" t="s">
        <v>431</v>
      </c>
      <c r="B173" s="2" t="s">
        <v>127</v>
      </c>
      <c r="C173" s="2" t="s">
        <v>481</v>
      </c>
      <c r="D173" s="2" t="s">
        <v>482</v>
      </c>
      <c r="E173" s="2" t="s">
        <v>100</v>
      </c>
      <c r="F173" s="2" t="s">
        <v>483</v>
      </c>
      <c r="G173" s="3">
        <v>8</v>
      </c>
      <c r="H173" s="2" t="s">
        <v>74</v>
      </c>
      <c r="I173" s="3">
        <v>2018</v>
      </c>
      <c r="J173" s="2" t="s">
        <v>29</v>
      </c>
      <c r="K173" s="2"/>
      <c r="L173" s="2" t="s">
        <v>484</v>
      </c>
    </row>
    <row r="174" spans="1:12" ht="15.2" customHeight="1">
      <c r="A174" s="2" t="s">
        <v>431</v>
      </c>
      <c r="B174" s="2" t="s">
        <v>132</v>
      </c>
      <c r="C174" s="2" t="s">
        <v>485</v>
      </c>
      <c r="D174" s="2" t="s">
        <v>486</v>
      </c>
      <c r="E174" s="2" t="s">
        <v>291</v>
      </c>
      <c r="F174" s="2" t="s">
        <v>487</v>
      </c>
      <c r="G174" s="3">
        <v>5</v>
      </c>
      <c r="H174" s="2" t="s">
        <v>86</v>
      </c>
      <c r="I174" s="3">
        <v>2011</v>
      </c>
      <c r="J174" s="2" t="s">
        <v>29</v>
      </c>
      <c r="K174" s="2"/>
      <c r="L174" s="2" t="s">
        <v>488</v>
      </c>
    </row>
    <row r="175" spans="1:12" ht="15.2" customHeight="1">
      <c r="A175" s="2" t="s">
        <v>431</v>
      </c>
      <c r="B175" s="2" t="s">
        <v>133</v>
      </c>
      <c r="C175" s="2" t="s">
        <v>419</v>
      </c>
      <c r="D175" s="2" t="s">
        <v>420</v>
      </c>
      <c r="E175" s="2" t="s">
        <v>291</v>
      </c>
      <c r="F175" s="2" t="s">
        <v>421</v>
      </c>
      <c r="G175" s="3">
        <v>4</v>
      </c>
      <c r="H175" s="2" t="s">
        <v>86</v>
      </c>
      <c r="I175" s="3">
        <v>2011</v>
      </c>
      <c r="J175" s="2" t="s">
        <v>29</v>
      </c>
      <c r="K175" s="2"/>
      <c r="L175" s="2" t="s">
        <v>422</v>
      </c>
    </row>
    <row r="176" spans="1:12" ht="15.2" customHeight="1">
      <c r="A176" s="2" t="s">
        <v>431</v>
      </c>
      <c r="B176" s="2" t="s">
        <v>489</v>
      </c>
      <c r="C176" s="2" t="s">
        <v>360</v>
      </c>
      <c r="D176" s="2" t="s">
        <v>361</v>
      </c>
      <c r="E176" s="2" t="s">
        <v>291</v>
      </c>
      <c r="F176" s="2" t="s">
        <v>362</v>
      </c>
      <c r="G176" s="3">
        <v>3</v>
      </c>
      <c r="H176" s="2" t="s">
        <v>86</v>
      </c>
      <c r="I176" s="3">
        <v>2011</v>
      </c>
      <c r="J176" s="2" t="s">
        <v>29</v>
      </c>
      <c r="K176" s="2"/>
      <c r="L176" s="2" t="s">
        <v>363</v>
      </c>
    </row>
    <row r="177" spans="1:12" ht="15.2" customHeight="1">
      <c r="A177" s="2" t="s">
        <v>431</v>
      </c>
      <c r="B177" s="2" t="s">
        <v>138</v>
      </c>
      <c r="C177" s="2"/>
      <c r="D177" s="2" t="s">
        <v>15</v>
      </c>
      <c r="E177" s="2" t="s">
        <v>16</v>
      </c>
      <c r="F177" s="2" t="s">
        <v>17</v>
      </c>
      <c r="G177" s="3">
        <v>1</v>
      </c>
      <c r="H177" s="2" t="s">
        <v>18</v>
      </c>
      <c r="I177" s="3">
        <v>2020</v>
      </c>
      <c r="J177" s="2" t="s">
        <v>19</v>
      </c>
      <c r="K177" s="2"/>
      <c r="L177" s="2" t="s">
        <v>20</v>
      </c>
    </row>
    <row r="178" spans="1:12" ht="15.2" customHeight="1">
      <c r="A178" s="2" t="s">
        <v>431</v>
      </c>
      <c r="B178" s="2" t="s">
        <v>143</v>
      </c>
      <c r="C178" s="2"/>
      <c r="D178" s="2"/>
      <c r="E178" s="2" t="s">
        <v>241</v>
      </c>
      <c r="F178" s="2" t="s">
        <v>242</v>
      </c>
      <c r="G178" s="3">
        <v>1</v>
      </c>
      <c r="H178" s="2" t="s">
        <v>45</v>
      </c>
      <c r="I178" s="3">
        <v>2014</v>
      </c>
      <c r="J178" s="2" t="s">
        <v>243</v>
      </c>
      <c r="K178" s="2"/>
      <c r="L178" s="2"/>
    </row>
    <row r="179" spans="1:12" ht="15.2" customHeight="1">
      <c r="A179" s="2" t="s">
        <v>431</v>
      </c>
      <c r="B179" s="2" t="s">
        <v>197</v>
      </c>
      <c r="C179" s="2" t="s">
        <v>490</v>
      </c>
      <c r="D179" s="2" t="s">
        <v>491</v>
      </c>
      <c r="E179" s="2" t="s">
        <v>307</v>
      </c>
      <c r="F179" s="2" t="s">
        <v>492</v>
      </c>
      <c r="G179" s="3">
        <v>3</v>
      </c>
      <c r="H179" s="2" t="s">
        <v>148</v>
      </c>
      <c r="I179" s="3">
        <v>2018</v>
      </c>
      <c r="J179" s="2" t="s">
        <v>29</v>
      </c>
      <c r="K179" s="2"/>
      <c r="L179" s="2" t="s">
        <v>493</v>
      </c>
    </row>
    <row r="180" spans="1:12" ht="15.2" customHeight="1">
      <c r="A180" s="2" t="s">
        <v>431</v>
      </c>
      <c r="B180" s="2" t="s">
        <v>151</v>
      </c>
      <c r="C180" s="2" t="s">
        <v>463</v>
      </c>
      <c r="D180" s="2" t="s">
        <v>464</v>
      </c>
      <c r="E180" s="2" t="s">
        <v>396</v>
      </c>
      <c r="F180" s="2" t="s">
        <v>465</v>
      </c>
      <c r="G180" s="3">
        <v>2</v>
      </c>
      <c r="H180" s="2" t="s">
        <v>18</v>
      </c>
      <c r="I180" s="3">
        <v>2017</v>
      </c>
      <c r="J180" s="2" t="s">
        <v>29</v>
      </c>
      <c r="K180" s="2"/>
      <c r="L180" s="2" t="s">
        <v>466</v>
      </c>
    </row>
    <row r="181" spans="1:12" ht="15.2" customHeight="1">
      <c r="A181" s="2" t="s">
        <v>431</v>
      </c>
      <c r="B181" s="2" t="s">
        <v>152</v>
      </c>
      <c r="C181" s="2" t="s">
        <v>394</v>
      </c>
      <c r="D181" s="2" t="s">
        <v>395</v>
      </c>
      <c r="E181" s="2" t="s">
        <v>396</v>
      </c>
      <c r="F181" s="2" t="s">
        <v>397</v>
      </c>
      <c r="G181" s="3">
        <v>1</v>
      </c>
      <c r="H181" s="2" t="s">
        <v>18</v>
      </c>
      <c r="I181" s="3">
        <v>2017</v>
      </c>
      <c r="J181" s="2" t="s">
        <v>29</v>
      </c>
      <c r="K181" s="2"/>
      <c r="L181" s="2" t="s">
        <v>398</v>
      </c>
    </row>
    <row r="182" spans="1:12" ht="15.2" customHeight="1">
      <c r="A182" s="2" t="s">
        <v>431</v>
      </c>
      <c r="B182" s="2" t="s">
        <v>153</v>
      </c>
      <c r="C182" s="2"/>
      <c r="D182" s="2" t="s">
        <v>471</v>
      </c>
      <c r="E182" s="2" t="s">
        <v>472</v>
      </c>
      <c r="F182" s="2" t="s">
        <v>473</v>
      </c>
      <c r="G182" s="3">
        <v>1</v>
      </c>
      <c r="H182" s="2" t="s">
        <v>45</v>
      </c>
      <c r="I182" s="3">
        <v>2020</v>
      </c>
      <c r="J182" s="2" t="s">
        <v>29</v>
      </c>
      <c r="K182" s="2"/>
      <c r="L182" s="2" t="s">
        <v>474</v>
      </c>
    </row>
    <row r="183" spans="1:12" ht="15.2" customHeight="1">
      <c r="A183" s="2" t="s">
        <v>494</v>
      </c>
      <c r="B183" s="2" t="s">
        <v>14</v>
      </c>
      <c r="C183" s="2"/>
      <c r="D183" s="2" t="s">
        <v>22</v>
      </c>
      <c r="E183" s="2" t="s">
        <v>16</v>
      </c>
      <c r="F183" s="2" t="s">
        <v>23</v>
      </c>
      <c r="G183" s="3">
        <v>2</v>
      </c>
      <c r="H183" s="2" t="s">
        <v>18</v>
      </c>
      <c r="I183" s="3">
        <v>2020</v>
      </c>
      <c r="J183" s="2" t="s">
        <v>19</v>
      </c>
      <c r="K183" s="2"/>
      <c r="L183" s="2" t="s">
        <v>24</v>
      </c>
    </row>
    <row r="184" spans="1:12" ht="15.2" customHeight="1">
      <c r="A184" s="2" t="s">
        <v>494</v>
      </c>
      <c r="B184" s="2" t="s">
        <v>21</v>
      </c>
      <c r="C184" s="2"/>
      <c r="D184" s="2" t="s">
        <v>15</v>
      </c>
      <c r="E184" s="2" t="s">
        <v>16</v>
      </c>
      <c r="F184" s="2" t="s">
        <v>17</v>
      </c>
      <c r="G184" s="3">
        <v>1</v>
      </c>
      <c r="H184" s="2" t="s">
        <v>18</v>
      </c>
      <c r="I184" s="3">
        <v>2020</v>
      </c>
      <c r="J184" s="2" t="s">
        <v>19</v>
      </c>
      <c r="K184" s="2"/>
      <c r="L184" s="2" t="s">
        <v>20</v>
      </c>
    </row>
    <row r="185" spans="1:12" ht="15.2" customHeight="1">
      <c r="A185" s="2" t="s">
        <v>494</v>
      </c>
      <c r="B185" s="2" t="s">
        <v>204</v>
      </c>
      <c r="C185" s="2" t="s">
        <v>490</v>
      </c>
      <c r="D185" s="2" t="s">
        <v>491</v>
      </c>
      <c r="E185" s="2" t="s">
        <v>307</v>
      </c>
      <c r="F185" s="2" t="s">
        <v>492</v>
      </c>
      <c r="G185" s="3">
        <v>3</v>
      </c>
      <c r="H185" s="2" t="s">
        <v>148</v>
      </c>
      <c r="I185" s="3">
        <v>2018</v>
      </c>
      <c r="J185" s="2" t="s">
        <v>29</v>
      </c>
      <c r="K185" s="2"/>
      <c r="L185" s="2" t="s">
        <v>493</v>
      </c>
    </row>
    <row r="186" spans="1:12" ht="15.2" customHeight="1">
      <c r="A186" s="2" t="s">
        <v>494</v>
      </c>
      <c r="B186" s="2" t="s">
        <v>211</v>
      </c>
      <c r="C186" s="2" t="s">
        <v>70</v>
      </c>
      <c r="D186" s="2" t="s">
        <v>71</v>
      </c>
      <c r="E186" s="2" t="s">
        <v>72</v>
      </c>
      <c r="F186" s="2" t="s">
        <v>73</v>
      </c>
      <c r="G186" s="3">
        <v>1</v>
      </c>
      <c r="H186" s="2" t="s">
        <v>74</v>
      </c>
      <c r="I186" s="3">
        <v>2017</v>
      </c>
      <c r="J186" s="2" t="s">
        <v>29</v>
      </c>
      <c r="K186" s="2"/>
      <c r="L186" s="2" t="s">
        <v>75</v>
      </c>
    </row>
    <row r="187" spans="1:12" ht="15.2" customHeight="1">
      <c r="A187" s="2" t="s">
        <v>494</v>
      </c>
      <c r="B187" s="2" t="s">
        <v>216</v>
      </c>
      <c r="C187" s="2" t="s">
        <v>77</v>
      </c>
      <c r="D187" s="2" t="s">
        <v>78</v>
      </c>
      <c r="E187" s="2" t="s">
        <v>72</v>
      </c>
      <c r="F187" s="2" t="s">
        <v>79</v>
      </c>
      <c r="G187" s="3">
        <v>2</v>
      </c>
      <c r="H187" s="2" t="s">
        <v>74</v>
      </c>
      <c r="I187" s="3">
        <v>2017</v>
      </c>
      <c r="J187" s="2" t="s">
        <v>29</v>
      </c>
      <c r="K187" s="2"/>
      <c r="L187" s="2" t="s">
        <v>80</v>
      </c>
    </row>
    <row r="188" spans="1:12" ht="15.2" customHeight="1">
      <c r="A188" s="2" t="s">
        <v>494</v>
      </c>
      <c r="B188" s="2" t="s">
        <v>221</v>
      </c>
      <c r="C188" s="2" t="s">
        <v>82</v>
      </c>
      <c r="D188" s="2" t="s">
        <v>83</v>
      </c>
      <c r="E188" s="2" t="s">
        <v>84</v>
      </c>
      <c r="F188" s="2" t="s">
        <v>85</v>
      </c>
      <c r="G188" s="3">
        <v>1</v>
      </c>
      <c r="H188" s="2" t="s">
        <v>86</v>
      </c>
      <c r="I188" s="3">
        <v>2012</v>
      </c>
      <c r="J188" s="2" t="s">
        <v>29</v>
      </c>
      <c r="K188" s="2"/>
      <c r="L188" s="2" t="s">
        <v>87</v>
      </c>
    </row>
    <row r="189" spans="1:12" ht="15.2" customHeight="1">
      <c r="A189" s="2" t="s">
        <v>494</v>
      </c>
      <c r="B189" s="2" t="s">
        <v>226</v>
      </c>
      <c r="C189" s="2" t="s">
        <v>495</v>
      </c>
      <c r="D189" s="2" t="s">
        <v>496</v>
      </c>
      <c r="E189" s="2" t="s">
        <v>100</v>
      </c>
      <c r="F189" s="2" t="s">
        <v>497</v>
      </c>
      <c r="G189" s="3">
        <v>10</v>
      </c>
      <c r="H189" s="2" t="s">
        <v>74</v>
      </c>
      <c r="I189" s="3">
        <v>2019</v>
      </c>
      <c r="J189" s="2" t="s">
        <v>29</v>
      </c>
      <c r="K189" s="2"/>
      <c r="L189" s="2" t="s">
        <v>498</v>
      </c>
    </row>
    <row r="190" spans="1:12" ht="15.2" customHeight="1">
      <c r="A190" s="2" t="s">
        <v>494</v>
      </c>
      <c r="B190" s="2" t="s">
        <v>231</v>
      </c>
      <c r="C190" s="2" t="s">
        <v>436</v>
      </c>
      <c r="D190" s="2" t="s">
        <v>437</v>
      </c>
      <c r="E190" s="2" t="s">
        <v>100</v>
      </c>
      <c r="F190" s="2" t="s">
        <v>438</v>
      </c>
      <c r="G190" s="3">
        <v>9</v>
      </c>
      <c r="H190" s="2" t="s">
        <v>74</v>
      </c>
      <c r="I190" s="3">
        <v>2019</v>
      </c>
      <c r="J190" s="2" t="s">
        <v>29</v>
      </c>
      <c r="K190" s="2"/>
      <c r="L190" s="2" t="s">
        <v>439</v>
      </c>
    </row>
    <row r="191" spans="1:12" ht="15.2" customHeight="1">
      <c r="A191" s="2" t="s">
        <v>494</v>
      </c>
      <c r="B191" s="2" t="s">
        <v>236</v>
      </c>
      <c r="C191" s="2" t="s">
        <v>499</v>
      </c>
      <c r="D191" s="2" t="s">
        <v>500</v>
      </c>
      <c r="E191" s="2" t="s">
        <v>501</v>
      </c>
      <c r="F191" s="2" t="s">
        <v>502</v>
      </c>
      <c r="G191" s="3">
        <v>1</v>
      </c>
      <c r="H191" s="2" t="s">
        <v>18</v>
      </c>
      <c r="I191" s="3">
        <v>2018</v>
      </c>
      <c r="J191" s="2" t="s">
        <v>202</v>
      </c>
      <c r="K191" s="2"/>
      <c r="L191" s="2" t="s">
        <v>503</v>
      </c>
    </row>
    <row r="192" spans="1:12" ht="15.2" customHeight="1">
      <c r="A192" s="2" t="s">
        <v>494</v>
      </c>
      <c r="B192" s="2" t="s">
        <v>237</v>
      </c>
      <c r="C192" s="2" t="s">
        <v>504</v>
      </c>
      <c r="D192" s="2" t="s">
        <v>505</v>
      </c>
      <c r="E192" s="2" t="s">
        <v>501</v>
      </c>
      <c r="F192" s="2" t="s">
        <v>506</v>
      </c>
      <c r="G192" s="3">
        <v>2</v>
      </c>
      <c r="H192" s="2" t="s">
        <v>18</v>
      </c>
      <c r="I192" s="3">
        <v>2018</v>
      </c>
      <c r="J192" s="2" t="s">
        <v>202</v>
      </c>
      <c r="K192" s="2"/>
      <c r="L192" s="2" t="s">
        <v>507</v>
      </c>
    </row>
    <row r="193" spans="1:12" ht="15.2" customHeight="1">
      <c r="A193" s="2" t="s">
        <v>494</v>
      </c>
      <c r="B193" s="2" t="s">
        <v>69</v>
      </c>
      <c r="C193" s="2" t="s">
        <v>508</v>
      </c>
      <c r="D193" s="2" t="s">
        <v>509</v>
      </c>
      <c r="E193" s="2" t="s">
        <v>501</v>
      </c>
      <c r="F193" s="2" t="s">
        <v>510</v>
      </c>
      <c r="G193" s="3">
        <v>3</v>
      </c>
      <c r="H193" s="2" t="s">
        <v>18</v>
      </c>
      <c r="I193" s="3">
        <v>2018</v>
      </c>
      <c r="J193" s="2" t="s">
        <v>202</v>
      </c>
      <c r="K193" s="2"/>
      <c r="L193" s="2" t="s">
        <v>511</v>
      </c>
    </row>
    <row r="194" spans="1:12" ht="15.2" customHeight="1">
      <c r="A194" s="2" t="s">
        <v>494</v>
      </c>
      <c r="B194" s="2" t="s">
        <v>76</v>
      </c>
      <c r="C194" s="2" t="s">
        <v>512</v>
      </c>
      <c r="D194" s="2" t="s">
        <v>513</v>
      </c>
      <c r="E194" s="2" t="s">
        <v>501</v>
      </c>
      <c r="F194" s="2" t="s">
        <v>514</v>
      </c>
      <c r="G194" s="3">
        <v>4</v>
      </c>
      <c r="H194" s="2" t="s">
        <v>18</v>
      </c>
      <c r="I194" s="3">
        <v>2018</v>
      </c>
      <c r="J194" s="2" t="s">
        <v>202</v>
      </c>
      <c r="K194" s="2"/>
      <c r="L194" s="2" t="s">
        <v>515</v>
      </c>
    </row>
    <row r="195" spans="1:12" ht="15.2" customHeight="1">
      <c r="A195" s="2" t="s">
        <v>494</v>
      </c>
      <c r="B195" s="2" t="s">
        <v>244</v>
      </c>
      <c r="C195" s="2" t="s">
        <v>516</v>
      </c>
      <c r="D195" s="2" t="s">
        <v>517</v>
      </c>
      <c r="E195" s="2" t="s">
        <v>335</v>
      </c>
      <c r="F195" s="2" t="s">
        <v>518</v>
      </c>
      <c r="G195" s="3">
        <v>4</v>
      </c>
      <c r="H195" s="2" t="s">
        <v>45</v>
      </c>
      <c r="I195" s="3">
        <v>2018</v>
      </c>
      <c r="J195" s="2" t="s">
        <v>249</v>
      </c>
      <c r="K195" s="2"/>
      <c r="L195" s="2" t="s">
        <v>519</v>
      </c>
    </row>
    <row r="196" spans="1:12" ht="15.2" customHeight="1">
      <c r="A196" s="2" t="s">
        <v>494</v>
      </c>
      <c r="B196" s="2" t="s">
        <v>88</v>
      </c>
      <c r="C196" s="2" t="s">
        <v>520</v>
      </c>
      <c r="D196" s="2" t="s">
        <v>521</v>
      </c>
      <c r="E196" s="2" t="s">
        <v>396</v>
      </c>
      <c r="F196" s="2" t="s">
        <v>522</v>
      </c>
      <c r="G196" s="3">
        <v>3</v>
      </c>
      <c r="H196" s="2" t="s">
        <v>18</v>
      </c>
      <c r="I196" s="3">
        <v>2017</v>
      </c>
      <c r="J196" s="2" t="s">
        <v>29</v>
      </c>
      <c r="K196" s="2"/>
      <c r="L196" s="2" t="s">
        <v>523</v>
      </c>
    </row>
    <row r="197" spans="1:12" ht="15.2" customHeight="1">
      <c r="A197" s="2" t="s">
        <v>494</v>
      </c>
      <c r="B197" s="2" t="s">
        <v>256</v>
      </c>
      <c r="C197" s="2" t="s">
        <v>463</v>
      </c>
      <c r="D197" s="2" t="s">
        <v>464</v>
      </c>
      <c r="E197" s="2" t="s">
        <v>396</v>
      </c>
      <c r="F197" s="2" t="s">
        <v>465</v>
      </c>
      <c r="G197" s="3">
        <v>2</v>
      </c>
      <c r="H197" s="2" t="s">
        <v>18</v>
      </c>
      <c r="I197" s="3">
        <v>2017</v>
      </c>
      <c r="J197" s="2" t="s">
        <v>29</v>
      </c>
      <c r="K197" s="2"/>
      <c r="L197" s="2" t="s">
        <v>466</v>
      </c>
    </row>
    <row r="198" spans="1:12" ht="15.2" customHeight="1">
      <c r="A198" s="2" t="s">
        <v>494</v>
      </c>
      <c r="B198" s="2" t="s">
        <v>261</v>
      </c>
      <c r="C198" s="2" t="s">
        <v>524</v>
      </c>
      <c r="D198" s="2" t="s">
        <v>525</v>
      </c>
      <c r="E198" s="2" t="s">
        <v>27</v>
      </c>
      <c r="F198" s="2" t="s">
        <v>526</v>
      </c>
      <c r="G198" s="3">
        <v>1</v>
      </c>
      <c r="H198" s="2" t="s">
        <v>18</v>
      </c>
      <c r="I198" s="3">
        <v>2019</v>
      </c>
      <c r="J198" s="2" t="s">
        <v>29</v>
      </c>
      <c r="K198" s="2"/>
      <c r="L198" s="2" t="s">
        <v>527</v>
      </c>
    </row>
    <row r="199" spans="1:12" ht="15.2" customHeight="1">
      <c r="A199" s="2" t="s">
        <v>494</v>
      </c>
      <c r="B199" s="2" t="s">
        <v>266</v>
      </c>
      <c r="C199" s="2" t="s">
        <v>467</v>
      </c>
      <c r="D199" s="2" t="s">
        <v>468</v>
      </c>
      <c r="E199" s="2" t="s">
        <v>27</v>
      </c>
      <c r="F199" s="2" t="s">
        <v>469</v>
      </c>
      <c r="G199" s="3">
        <v>6</v>
      </c>
      <c r="H199" s="2" t="s">
        <v>18</v>
      </c>
      <c r="I199" s="3">
        <v>2018</v>
      </c>
      <c r="J199" s="2" t="s">
        <v>29</v>
      </c>
      <c r="K199" s="2"/>
      <c r="L199" s="2" t="s">
        <v>470</v>
      </c>
    </row>
    <row r="200" spans="1:12" ht="15.2" customHeight="1">
      <c r="A200" s="2" t="s">
        <v>494</v>
      </c>
      <c r="B200" s="2" t="s">
        <v>108</v>
      </c>
      <c r="C200" s="2" t="s">
        <v>528</v>
      </c>
      <c r="D200" s="2" t="s">
        <v>529</v>
      </c>
      <c r="E200" s="2" t="s">
        <v>530</v>
      </c>
      <c r="F200" s="2" t="s">
        <v>530</v>
      </c>
      <c r="G200" s="3">
        <v>1</v>
      </c>
      <c r="H200" s="2" t="s">
        <v>86</v>
      </c>
      <c r="I200" s="3">
        <v>2013</v>
      </c>
      <c r="J200" s="2" t="s">
        <v>29</v>
      </c>
      <c r="K200" s="2"/>
      <c r="L200" s="2" t="s">
        <v>531</v>
      </c>
    </row>
    <row r="201" spans="1:12" ht="15.2" customHeight="1">
      <c r="A201" s="2" t="s">
        <v>494</v>
      </c>
      <c r="B201" s="2" t="s">
        <v>114</v>
      </c>
      <c r="C201" s="2" t="s">
        <v>532</v>
      </c>
      <c r="D201" s="2" t="s">
        <v>533</v>
      </c>
      <c r="E201" s="2" t="s">
        <v>534</v>
      </c>
      <c r="F201" s="2" t="s">
        <v>534</v>
      </c>
      <c r="G201" s="3">
        <v>1</v>
      </c>
      <c r="H201" s="2" t="s">
        <v>74</v>
      </c>
      <c r="I201" s="3">
        <v>2013</v>
      </c>
      <c r="J201" s="2" t="s">
        <v>29</v>
      </c>
      <c r="K201" s="2"/>
      <c r="L201" s="2" t="s">
        <v>535</v>
      </c>
    </row>
    <row r="202" spans="1:12" ht="15.2" customHeight="1">
      <c r="A202" s="2" t="s">
        <v>494</v>
      </c>
      <c r="B202" s="2" t="s">
        <v>195</v>
      </c>
      <c r="C202" s="2" t="s">
        <v>536</v>
      </c>
      <c r="D202" s="2" t="s">
        <v>537</v>
      </c>
      <c r="E202" s="2" t="s">
        <v>538</v>
      </c>
      <c r="F202" s="2" t="s">
        <v>539</v>
      </c>
      <c r="G202" s="3">
        <v>1</v>
      </c>
      <c r="H202" s="2" t="s">
        <v>189</v>
      </c>
      <c r="I202" s="3">
        <v>2014</v>
      </c>
      <c r="J202" s="2" t="s">
        <v>29</v>
      </c>
      <c r="K202" s="2"/>
      <c r="L202" s="2" t="s">
        <v>540</v>
      </c>
    </row>
    <row r="203" spans="1:12" ht="15.2" customHeight="1">
      <c r="A203" s="2" t="s">
        <v>494</v>
      </c>
      <c r="B203" s="2" t="s">
        <v>541</v>
      </c>
      <c r="C203" s="2" t="s">
        <v>542</v>
      </c>
      <c r="D203" s="2" t="s">
        <v>543</v>
      </c>
      <c r="E203" s="2" t="s">
        <v>544</v>
      </c>
      <c r="F203" s="2" t="s">
        <v>545</v>
      </c>
      <c r="G203" s="3">
        <v>5</v>
      </c>
      <c r="H203" s="2" t="s">
        <v>74</v>
      </c>
      <c r="I203" s="3">
        <v>2017</v>
      </c>
      <c r="J203" s="2" t="s">
        <v>29</v>
      </c>
      <c r="K203" s="2"/>
      <c r="L203" s="2" t="s">
        <v>546</v>
      </c>
    </row>
    <row r="204" spans="1:12" ht="15.2" customHeight="1">
      <c r="A204" s="2" t="s">
        <v>494</v>
      </c>
      <c r="B204" s="2" t="s">
        <v>132</v>
      </c>
      <c r="C204" s="2" t="s">
        <v>547</v>
      </c>
      <c r="D204" s="2" t="s">
        <v>548</v>
      </c>
      <c r="E204" s="2" t="s">
        <v>291</v>
      </c>
      <c r="F204" s="2" t="s">
        <v>549</v>
      </c>
      <c r="G204" s="3">
        <v>6</v>
      </c>
      <c r="H204" s="2" t="s">
        <v>86</v>
      </c>
      <c r="I204" s="3">
        <v>2011</v>
      </c>
      <c r="J204" s="2" t="s">
        <v>29</v>
      </c>
      <c r="K204" s="2"/>
      <c r="L204" s="2" t="s">
        <v>550</v>
      </c>
    </row>
    <row r="205" spans="1:12" ht="15.2" customHeight="1">
      <c r="A205" s="2" t="s">
        <v>494</v>
      </c>
      <c r="B205" s="2" t="s">
        <v>133</v>
      </c>
      <c r="C205" s="2" t="s">
        <v>485</v>
      </c>
      <c r="D205" s="2" t="s">
        <v>486</v>
      </c>
      <c r="E205" s="2" t="s">
        <v>291</v>
      </c>
      <c r="F205" s="2" t="s">
        <v>487</v>
      </c>
      <c r="G205" s="3">
        <v>5</v>
      </c>
      <c r="H205" s="2" t="s">
        <v>86</v>
      </c>
      <c r="I205" s="3">
        <v>2011</v>
      </c>
      <c r="J205" s="2" t="s">
        <v>29</v>
      </c>
      <c r="K205" s="2"/>
      <c r="L205" s="2" t="s">
        <v>488</v>
      </c>
    </row>
    <row r="206" spans="1:12" ht="15.2" customHeight="1">
      <c r="A206" s="2" t="s">
        <v>494</v>
      </c>
      <c r="B206" s="2" t="s">
        <v>134</v>
      </c>
      <c r="C206" s="2" t="s">
        <v>294</v>
      </c>
      <c r="D206" s="2" t="s">
        <v>295</v>
      </c>
      <c r="E206" s="2" t="s">
        <v>291</v>
      </c>
      <c r="F206" s="2" t="s">
        <v>296</v>
      </c>
      <c r="G206" s="3">
        <v>1</v>
      </c>
      <c r="H206" s="2" t="s">
        <v>86</v>
      </c>
      <c r="I206" s="3">
        <v>2011</v>
      </c>
      <c r="J206" s="2" t="s">
        <v>29</v>
      </c>
      <c r="K206" s="2"/>
      <c r="L206" s="2" t="s">
        <v>297</v>
      </c>
    </row>
    <row r="207" spans="1:12" ht="15.2" customHeight="1">
      <c r="A207" s="2" t="s">
        <v>494</v>
      </c>
      <c r="B207" s="2" t="s">
        <v>138</v>
      </c>
      <c r="C207" s="2"/>
      <c r="D207" s="2" t="s">
        <v>22</v>
      </c>
      <c r="E207" s="2" t="s">
        <v>16</v>
      </c>
      <c r="F207" s="2" t="s">
        <v>23</v>
      </c>
      <c r="G207" s="3">
        <v>2</v>
      </c>
      <c r="H207" s="2" t="s">
        <v>18</v>
      </c>
      <c r="I207" s="3">
        <v>2020</v>
      </c>
      <c r="J207" s="2" t="s">
        <v>19</v>
      </c>
      <c r="K207" s="2"/>
      <c r="L207" s="2" t="s">
        <v>24</v>
      </c>
    </row>
    <row r="208" spans="1:12" ht="15.2" customHeight="1">
      <c r="A208" s="2" t="s">
        <v>494</v>
      </c>
      <c r="B208" s="2" t="s">
        <v>143</v>
      </c>
      <c r="C208" s="2"/>
      <c r="D208" s="2" t="s">
        <v>15</v>
      </c>
      <c r="E208" s="2" t="s">
        <v>16</v>
      </c>
      <c r="F208" s="2" t="s">
        <v>17</v>
      </c>
      <c r="G208" s="3">
        <v>1</v>
      </c>
      <c r="H208" s="2" t="s">
        <v>18</v>
      </c>
      <c r="I208" s="3">
        <v>2020</v>
      </c>
      <c r="J208" s="2" t="s">
        <v>19</v>
      </c>
      <c r="K208" s="2"/>
      <c r="L208" s="2" t="s">
        <v>20</v>
      </c>
    </row>
    <row r="209" spans="1:12" ht="15.2" customHeight="1">
      <c r="A209" s="2" t="s">
        <v>494</v>
      </c>
      <c r="B209" s="2" t="s">
        <v>197</v>
      </c>
      <c r="C209" s="2" t="s">
        <v>551</v>
      </c>
      <c r="D209" s="2" t="s">
        <v>552</v>
      </c>
      <c r="E209" s="2" t="s">
        <v>307</v>
      </c>
      <c r="F209" s="2" t="s">
        <v>553</v>
      </c>
      <c r="G209" s="3">
        <v>4</v>
      </c>
      <c r="H209" s="2" t="s">
        <v>148</v>
      </c>
      <c r="I209" s="3">
        <v>2018</v>
      </c>
      <c r="J209" s="2" t="s">
        <v>29</v>
      </c>
      <c r="K209" s="2"/>
      <c r="L209" s="2" t="s">
        <v>554</v>
      </c>
    </row>
    <row r="210" spans="1:12" ht="15.2" customHeight="1">
      <c r="A210" s="2" t="s">
        <v>494</v>
      </c>
      <c r="B210" s="2" t="s">
        <v>151</v>
      </c>
      <c r="C210" s="2" t="s">
        <v>520</v>
      </c>
      <c r="D210" s="2" t="s">
        <v>521</v>
      </c>
      <c r="E210" s="2" t="s">
        <v>396</v>
      </c>
      <c r="F210" s="2" t="s">
        <v>522</v>
      </c>
      <c r="G210" s="3">
        <v>3</v>
      </c>
      <c r="H210" s="2" t="s">
        <v>18</v>
      </c>
      <c r="I210" s="3">
        <v>2017</v>
      </c>
      <c r="J210" s="2" t="s">
        <v>29</v>
      </c>
      <c r="K210" s="2"/>
      <c r="L210" s="2" t="s">
        <v>523</v>
      </c>
    </row>
    <row r="211" spans="1:12" ht="15.2" customHeight="1">
      <c r="A211" s="2" t="s">
        <v>494</v>
      </c>
      <c r="B211" s="2" t="s">
        <v>152</v>
      </c>
      <c r="C211" s="2" t="s">
        <v>463</v>
      </c>
      <c r="D211" s="2" t="s">
        <v>464</v>
      </c>
      <c r="E211" s="2" t="s">
        <v>396</v>
      </c>
      <c r="F211" s="2" t="s">
        <v>465</v>
      </c>
      <c r="G211" s="3">
        <v>2</v>
      </c>
      <c r="H211" s="2" t="s">
        <v>18</v>
      </c>
      <c r="I211" s="3">
        <v>2017</v>
      </c>
      <c r="J211" s="2" t="s">
        <v>29</v>
      </c>
      <c r="K211" s="2"/>
      <c r="L211" s="2" t="s">
        <v>466</v>
      </c>
    </row>
    <row r="212" spans="1:12" ht="15.2" customHeight="1">
      <c r="A212" s="2" t="s">
        <v>494</v>
      </c>
      <c r="B212" s="2" t="s">
        <v>153</v>
      </c>
      <c r="C212" s="2" t="s">
        <v>528</v>
      </c>
      <c r="D212" s="2" t="s">
        <v>529</v>
      </c>
      <c r="E212" s="2" t="s">
        <v>530</v>
      </c>
      <c r="F212" s="2" t="s">
        <v>530</v>
      </c>
      <c r="G212" s="3">
        <v>1</v>
      </c>
      <c r="H212" s="2" t="s">
        <v>86</v>
      </c>
      <c r="I212" s="3">
        <v>2013</v>
      </c>
      <c r="J212" s="2" t="s">
        <v>29</v>
      </c>
      <c r="K212" s="2"/>
      <c r="L212" s="2" t="s">
        <v>531</v>
      </c>
    </row>
    <row r="213" spans="1:12" ht="0" hidden="1" customHeight="1"/>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1-02-08T14:48:19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